
<file path=[Content_Types].xml><?xml version="1.0" encoding="utf-8"?>
<Types xmlns="http://schemas.openxmlformats.org/package/2006/content-types">
  <Default Extension="jpe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slideLayouts/slideLayout58.xml" ContentType="application/vnd.openxmlformats-officedocument.presentationml.slideLayout+xml"/>
  <Override PartName="/ppt/slideLayouts/slideLayout59.xml" ContentType="application/vnd.openxmlformats-officedocument.presentationml.slideLayout+xml"/>
  <Override PartName="/ppt/slideLayouts/slideLayout60.xml" ContentType="application/vnd.openxmlformats-officedocument.presentationml.slideLayout+xml"/>
  <Override PartName="/ppt/slideLayouts/slideLayout61.xml" ContentType="application/vnd.openxmlformats-officedocument.presentationml.slideLayout+xml"/>
  <Override PartName="/ppt/slideLayouts/slideLayout62.xml" ContentType="application/vnd.openxmlformats-officedocument.presentationml.slideLayout+xml"/>
  <Override PartName="/ppt/slideLayouts/slideLayout63.xml" ContentType="application/vnd.openxmlformats-officedocument.presentationml.slideLayout+xml"/>
  <Override PartName="/ppt/slideLayouts/slideLayout64.xml" ContentType="application/vnd.openxmlformats-officedocument.presentationml.slideLayout+xml"/>
  <Override PartName="/ppt/slideLayouts/slideLayout65.xml" ContentType="application/vnd.openxmlformats-officedocument.presentationml.slideLayout+xml"/>
  <Override PartName="/ppt/slideLayouts/slideLayout66.xml" ContentType="application/vnd.openxmlformats-officedocument.presentationml.slideLayout+xml"/>
  <Override PartName="/ppt/slideLayouts/slideLayout67.xml" ContentType="application/vnd.openxmlformats-officedocument.presentationml.slideLayout+xml"/>
  <Override PartName="/ppt/slideLayouts/slideLayout68.xml" ContentType="application/vnd.openxmlformats-officedocument.presentationml.slideLayout+xml"/>
  <Override PartName="/ppt/slideLayouts/slideLayout69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99" r:id="rId4"/>
    <p:sldMasterId id="2147483648" r:id="rId5"/>
  </p:sldMasterIdLst>
  <p:notesMasterIdLst>
    <p:notesMasterId r:id="rId16"/>
  </p:notesMasterIdLst>
  <p:sldIdLst>
    <p:sldId id="276" r:id="rId6"/>
    <p:sldId id="277" r:id="rId7"/>
    <p:sldId id="290" r:id="rId8"/>
    <p:sldId id="283" r:id="rId9"/>
    <p:sldId id="299" r:id="rId10"/>
    <p:sldId id="300" r:id="rId11"/>
    <p:sldId id="308" r:id="rId12"/>
    <p:sldId id="309" r:id="rId13"/>
    <p:sldId id="263" r:id="rId14"/>
    <p:sldId id="307" r:id="rId15"/>
  </p:sldIdLst>
  <p:sldSz cx="12192000" cy="6858000"/>
  <p:notesSz cx="6858000" cy="9144000"/>
  <p:custDataLst>
    <p:tags r:id="rId17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12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3D82760-C951-1BFF-29C2-9DED795D81D5}" name="Vivian Tang" initials="VT" userId="S::vivian.tang@pearson.com::c38f7cfe-078d-4502-85d2-92bb7fe749ff" providerId="AD"/>
  <p188:author id="{12E99990-BEC7-DA54-B3D6-81D78385100F}" name="Catherine Leung" initials="CL" userId="S::Catherine.Leung@Pearson.com::dabd965c-b78d-4221-bc96-18215785a5a0" providerId="AD"/>
</p188:authorLst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Annie To" initials="AT" lastIdx="1" clrIdx="0">
    <p:extLst>
      <p:ext uri="{19B8F6BF-5375-455C-9EA6-DF929625EA0E}">
        <p15:presenceInfo xmlns:p15="http://schemas.microsoft.com/office/powerpoint/2012/main" userId="822586f2d7d81aa3" providerId="Windows Live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F9ED5"/>
    <a:srgbClr val="CCECFF"/>
    <a:srgbClr val="FFF5D8"/>
    <a:srgbClr val="EFF4DA"/>
    <a:srgbClr val="FFFFFF"/>
    <a:srgbClr val="00803B"/>
    <a:srgbClr val="7961AA"/>
    <a:srgbClr val="634993"/>
    <a:srgbClr val="4663A7"/>
    <a:srgbClr val="B1A3C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D79FDD51-A953-436D-9293-DF6756EFD60E}" v="1" dt="2025-08-29T06:40:42.409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8025" autoAdjust="0"/>
    <p:restoredTop sz="94660"/>
  </p:normalViewPr>
  <p:slideViewPr>
    <p:cSldViewPr snapToGrid="0" showGuides="1">
      <p:cViewPr varScale="1">
        <p:scale>
          <a:sx n="145" d="100"/>
          <a:sy n="145" d="100"/>
        </p:scale>
        <p:origin x="594" y="492"/>
      </p:cViewPr>
      <p:guideLst>
        <p:guide orient="horz" pos="2112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-384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3.xml"/><Relationship Id="rId13" Type="http://schemas.openxmlformats.org/officeDocument/2006/relationships/slide" Target="slides/slide8.xml"/><Relationship Id="rId18" Type="http://schemas.openxmlformats.org/officeDocument/2006/relationships/commentAuthors" Target="commentAuthors.xml"/><Relationship Id="rId3" Type="http://schemas.openxmlformats.org/officeDocument/2006/relationships/customXml" Target="../customXml/item3.xml"/><Relationship Id="rId21" Type="http://schemas.openxmlformats.org/officeDocument/2006/relationships/theme" Target="theme/theme1.xml"/><Relationship Id="rId7" Type="http://schemas.openxmlformats.org/officeDocument/2006/relationships/slide" Target="slides/slide2.xml"/><Relationship Id="rId12" Type="http://schemas.openxmlformats.org/officeDocument/2006/relationships/slide" Target="slides/slide7.xml"/><Relationship Id="rId17" Type="http://schemas.openxmlformats.org/officeDocument/2006/relationships/tags" Target="tags/tag1.xml"/><Relationship Id="rId2" Type="http://schemas.openxmlformats.org/officeDocument/2006/relationships/customXml" Target="../customXml/item2.xml"/><Relationship Id="rId16" Type="http://schemas.openxmlformats.org/officeDocument/2006/relationships/notesMaster" Target="notesMasters/notesMaster1.xml"/><Relationship Id="rId20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slide" Target="slides/slide6.xml"/><Relationship Id="rId24" Type="http://schemas.microsoft.com/office/2018/10/relationships/authors" Target="authors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10.xml"/><Relationship Id="rId23" Type="http://schemas.microsoft.com/office/2015/10/relationships/revisionInfo" Target="revisionInfo.xml"/><Relationship Id="rId10" Type="http://schemas.openxmlformats.org/officeDocument/2006/relationships/slide" Target="slides/slide5.xml"/><Relationship Id="rId19" Type="http://schemas.openxmlformats.org/officeDocument/2006/relationships/presProps" Target="pres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8199EA62-9263-4E82-81FE-77D201419F46}" type="datetimeFigureOut">
              <a:rPr lang="en-HK" smtClean="0"/>
              <a:t>29/8/2025</a:t>
            </a:fld>
            <a:endParaRPr lang="en-HK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HK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HK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96DED8-F5EF-45D0-98FB-B34BE8637418}" type="slidenum">
              <a:rPr lang="en-HK" smtClean="0"/>
              <a:t>‹#›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92387471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96DED8-F5EF-45D0-98FB-B34BE8637418}" type="slidenum">
              <a:rPr lang="en-HK" smtClean="0"/>
              <a:t>1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99870992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96DED8-F5EF-45D0-98FB-B34BE8637418}" type="slidenum">
              <a:rPr lang="en-HK" smtClean="0"/>
              <a:t>10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70197940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96DED8-F5EF-45D0-98FB-B34BE8637418}" type="slidenum">
              <a:rPr lang="en-HK" smtClean="0"/>
              <a:t>2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13273837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96DED8-F5EF-45D0-98FB-B34BE8637418}" type="slidenum">
              <a:rPr lang="en-HK" smtClean="0"/>
              <a:t>3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99306858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96DED8-F5EF-45D0-98FB-B34BE8637418}" type="slidenum">
              <a:rPr lang="en-HK" smtClean="0"/>
              <a:t>4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30283638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96DED8-F5EF-45D0-98FB-B34BE8637418}" type="slidenum">
              <a:rPr lang="en-HK" smtClean="0"/>
              <a:t>5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48312044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96DED8-F5EF-45D0-98FB-B34BE8637418}" type="slidenum">
              <a:rPr lang="en-HK" smtClean="0"/>
              <a:t>6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266919518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96DED8-F5EF-45D0-98FB-B34BE8637418}" type="slidenum">
              <a:rPr lang="en-HK" smtClean="0"/>
              <a:t>7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073363705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96DED8-F5EF-45D0-98FB-B34BE8637418}" type="slidenum">
              <a:rPr lang="en-HK" smtClean="0"/>
              <a:t>8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160593616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HK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296DED8-F5EF-45D0-98FB-B34BE8637418}" type="slidenum">
              <a:rPr lang="en-HK" smtClean="0"/>
              <a:t>9</a:t>
            </a:fld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345422779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2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image" Target="../media/image2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image" Target="../media/image2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4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4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5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6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6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Master" Target="../slideMasters/slideMaster2.xml"/></Relationships>
</file>

<file path=ppt/slideLayouts/_rels/slideLayout6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4.xml.rels><?xml version="1.0" encoding="UTF-8" standalone="yes"?>
<Relationships xmlns="http://schemas.openxmlformats.org/package/2006/relationships"><Relationship Id="rId3" Type="http://schemas.microsoft.com/office/2007/relationships/hdphoto" Target="../media/hdphoto1.wdp"/><Relationship Id="rId2" Type="http://schemas.openxmlformats.org/officeDocument/2006/relationships/image" Target="../media/image31.png"/><Relationship Id="rId1" Type="http://schemas.openxmlformats.org/officeDocument/2006/relationships/slideMaster" Target="../slideMasters/slideMaster2.xml"/><Relationship Id="rId4" Type="http://schemas.openxmlformats.org/officeDocument/2006/relationships/image" Target="../media/image30.png"/></Relationships>
</file>

<file path=ppt/slideLayouts/_rels/slideLayout6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2" Type="http://schemas.openxmlformats.org/officeDocument/2006/relationships/image" Target="../media/image32.png"/><Relationship Id="rId1" Type="http://schemas.openxmlformats.org/officeDocument/2006/relationships/slideMaster" Target="../slideMasters/slideMaster2.xml"/></Relationships>
</file>

<file path=ppt/slideLayouts/_rels/slideLayout6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7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6.png"/><Relationship Id="rId5" Type="http://schemas.openxmlformats.org/officeDocument/2006/relationships/image" Target="../media/image5.sv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D75E920-A7B3-0811-D894-25E5A97873C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D2990BBD-07D0-C979-269C-1E1282DADA6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4" name="Graphic 3">
              <a:extLst>
                <a:ext uri="{FF2B5EF4-FFF2-40B4-BE49-F238E27FC236}">
                  <a16:creationId xmlns:a16="http://schemas.microsoft.com/office/drawing/2014/main" id="{DA9FE42F-3C8B-D843-6313-B5475134063B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8C724713-7ED5-2BB7-A72C-D61BA95AE1D6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4C9AEF4B-8D98-DD98-C6E6-4B0C7B6FF906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6DA5CF39-30FE-EF63-F917-8F5C64CE07C7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410316313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6CC9ED40-6757-20D6-04CB-DC6FFA0B29A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F859D27-6215-B497-93F5-BDD51B11EFDA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4" name="Graphic 3">
              <a:extLst>
                <a:ext uri="{FF2B5EF4-FFF2-40B4-BE49-F238E27FC236}">
                  <a16:creationId xmlns:a16="http://schemas.microsoft.com/office/drawing/2014/main" id="{10195938-6BEB-C74F-FD7D-68F375685533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2F526721-7D5E-E29C-5E5A-9933357D2A38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736B01DB-AE07-6AA0-7969-35678F171DE0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F079AA7A-2EAC-42F6-1315-032AD3FDE000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156643190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59424967-489D-83F1-E3AF-25D46E77DF7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EB23AFB9-4D46-671A-EB1D-C62A6156FE90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A538D65C-7351-191B-66D5-3B5DC09C8B3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C5FB964B-E763-3959-4155-B40B8093C498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FE5F2A25-DA8D-6BA1-7912-A71E5A7139B5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462C9DBC-7AE6-0F83-22DC-F2985B7B1BEA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643930656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98129632-29B0-F780-62D8-8934DBB71C39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F7C0F"/>
          </a:solidFill>
          <a:ln w="228600" cmpd="sng">
            <a:solidFill>
              <a:srgbClr val="F59D45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 descr="A logo for a book&#10;&#10;Description automatically generated with medium confidence">
            <a:extLst>
              <a:ext uri="{FF2B5EF4-FFF2-40B4-BE49-F238E27FC236}">
                <a16:creationId xmlns:a16="http://schemas.microsoft.com/office/drawing/2014/main" id="{9E7C6D21-C9C8-9A29-48DC-8A9D1F9ED68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44" y="100047"/>
            <a:ext cx="3312000" cy="1553881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84151866-5995-7A8A-47AB-891B6B7E7B57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F7C0F"/>
          </a:solidFill>
          <a:ln w="69850" cmpd="sng">
            <a:solidFill>
              <a:srgbClr val="F59D4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 descr="A white letters on a black background&#10;&#10;Description automatically generated">
            <a:extLst>
              <a:ext uri="{FF2B5EF4-FFF2-40B4-BE49-F238E27FC236}">
                <a16:creationId xmlns:a16="http://schemas.microsoft.com/office/drawing/2014/main" id="{23BC972C-68CB-DB51-1FF2-1E8CE840840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96888" y="5765848"/>
            <a:ext cx="914402" cy="69189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575D0408-7806-C224-AD32-A8A42E10A1EC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F4028D11-D60A-AC1A-893C-46EA8A024BA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8B62127E-F859-E814-9A2F-50780AB01F43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9CF8D194-F807-D95B-B960-EF1C3D4A61D4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56744B65-0F93-234B-4EDC-421C5364042B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B9ECB51D-92DC-B7BF-6E6F-5A6EB379E3AF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941710408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93CB0F65-96B8-DC6D-5131-06BA9B7528A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095F7595-A6DF-7122-8127-E0558152246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549C00F0-1AD4-0881-3E15-8ED5F205BBB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F8447FE1-0A7E-1224-F7E6-00116D1447B8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" name="Rectangle 7">
              <a:extLst>
                <a:ext uri="{FF2B5EF4-FFF2-40B4-BE49-F238E27FC236}">
                  <a16:creationId xmlns:a16="http://schemas.microsoft.com/office/drawing/2014/main" id="{C91D63D4-F256-AE16-EBD9-F1D8C8D03FF8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63ED7AF1-786F-520A-E48D-BB20AE970173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221137758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0E5D6A61-A584-EFF2-AEBC-43DE0DE016EB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A74B97"/>
          </a:solidFill>
          <a:ln w="228600" cmpd="sng">
            <a:solidFill>
              <a:srgbClr val="B773AF"/>
            </a:solidFill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0E9B25D-E7E1-639E-5E66-7CADCDA8EF8B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A74B97"/>
          </a:solidFill>
          <a:ln w="69850" cmpd="sng">
            <a:solidFill>
              <a:srgbClr val="B773A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3F722266-B6A4-33DC-7436-4F11F62782B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-45214" y="57790"/>
            <a:ext cx="3369439" cy="163562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F74F0C48-2447-0E2B-A840-A98A91C8A07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6999" y="5671190"/>
            <a:ext cx="952409" cy="772830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F92318B6-379D-7928-44B5-E01CAB4674A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166677B8-E3E6-92FB-CA9C-06F402D555D5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1C563CDE-0EB1-A6EF-21C5-9D5D84B6F39B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420B807B-7338-7691-4B80-7D4442FB3A6A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" name="Rectangle 7">
              <a:extLst>
                <a:ext uri="{FF2B5EF4-FFF2-40B4-BE49-F238E27FC236}">
                  <a16:creationId xmlns:a16="http://schemas.microsoft.com/office/drawing/2014/main" id="{22F35618-1E5C-8BB6-BDF3-3DD3E564A54D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8FA13150-7CE9-9875-ECF0-1C4F7C64D72B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606883020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6B7ED97-77CE-1FD2-BE9C-A659A9286A50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53A8BA88-7FB3-AD32-7F62-DE1D53B4673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D58DFD25-29DB-C0C8-C4A2-EC3A09CF14F9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9DDD3F1E-7F1D-FEED-1ED8-C3CF48C4B918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525BFE44-429A-E3F1-6F1E-3842FD7AF2EB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46516AD3-FDA8-6082-1CBB-E4B2DFF050D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179857270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6C4696"/>
          </a:solidFill>
          <a:ln w="228600" cmpd="sng">
            <a:solidFill>
              <a:srgbClr val="8A6CA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528D7499-6D4C-79F1-1C34-8F5AA5BDC39F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4133" y="96103"/>
            <a:ext cx="3256823" cy="1584000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6C4696"/>
          </a:solidFill>
          <a:ln w="69850" cmpd="sng">
            <a:solidFill>
              <a:srgbClr val="8A6CA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C3E286C-E3B9-7B64-5746-FA434289FF47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23780" y="5719423"/>
            <a:ext cx="864588" cy="692855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5DE22434-0114-7828-7860-5714BCB7549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B3ABEADA-8D70-CB4F-99EB-15DBFBE64C22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4478A9CD-0884-0B4B-1A33-3D23A4B82B7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4F8EEB23-957F-4213-6DB1-0FDB244BA301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8B4050E6-3A37-8A05-1FE7-8AA7D424502E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0E22AC40-87D8-4AE5-712E-5CC9DB4586A9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056598486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FB92E9F4-DBF3-161F-5F26-E782D6306BE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B3555FF-8102-335C-EBE4-83B881C7A6D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C2D15BE3-4F38-8759-B88C-CD6E902E35A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309DBB8C-7CF4-A44A-BE4D-6976D9FECF62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3C0AE420-D146-870E-B435-990A33F21C2A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C15CD3C2-30E2-79B9-FE1B-2F10FE30EFA0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665493450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3803A"/>
          </a:solidFill>
          <a:ln w="228600" cmpd="sng">
            <a:solidFill>
              <a:srgbClr val="5C975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3803A"/>
          </a:solidFill>
          <a:ln w="69850" cmpd="sng">
            <a:solidFill>
              <a:srgbClr val="5C975B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E94C609-C9DC-EA86-12FC-2F9CC0C3F196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416" y="-48051"/>
            <a:ext cx="3348000" cy="1745863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62C21E4-DC0E-B721-7510-59BA8A9BE71D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7850" y="5703961"/>
            <a:ext cx="886331" cy="76188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B6BA198D-329D-EFD9-5B6B-7F482602E1A5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93476B15-DE04-3834-8636-6D9CCA4DCEB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656DC35A-8395-2B4D-5CB8-3F9904139A7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C9D28642-0EC6-74A0-BABB-F05CC5C83F92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4695BCD2-FDA2-6F04-85F1-156C2D5AABDD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5E89FE46-06B4-D39A-2878-67F60A1B7BC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67348951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2D2B6F3-4A97-71DA-E539-8519BC20BEF7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4E514878-E8CD-5C46-EC83-17FA08EA2584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5" name="Graphic 4">
              <a:extLst>
                <a:ext uri="{FF2B5EF4-FFF2-40B4-BE49-F238E27FC236}">
                  <a16:creationId xmlns:a16="http://schemas.microsoft.com/office/drawing/2014/main" id="{5FE86251-FBCD-96F6-7F2C-C4402B504F15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2309F43E-B351-A038-72AA-F272D8FECE4F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" name="Rectangle 7">
              <a:extLst>
                <a:ext uri="{FF2B5EF4-FFF2-40B4-BE49-F238E27FC236}">
                  <a16:creationId xmlns:a16="http://schemas.microsoft.com/office/drawing/2014/main" id="{2D99D316-650E-2402-2314-BC35A7EB8B41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AE41AA78-9920-D7EC-1E80-DACECD745C4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40828002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Flowchart: Document 11">
            <a:extLst>
              <a:ext uri="{FF2B5EF4-FFF2-40B4-BE49-F238E27FC236}">
                <a16:creationId xmlns:a16="http://schemas.microsoft.com/office/drawing/2014/main" id="{F77F0444-471A-1A9E-0717-041AE324145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18A74B"/>
          </a:solidFill>
          <a:ln w="228600" cmpd="sng">
            <a:solidFill>
              <a:srgbClr val="66B86C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D8509FFC-B512-DF25-93FF-301F7F2CF98D}"/>
              </a:ext>
            </a:extLst>
          </p:cNvPr>
          <p:cNvGrpSpPr>
            <a:grpSpLocks noChangeAspect="1"/>
          </p:cNvGrpSpPr>
          <p:nvPr userDrawn="1"/>
        </p:nvGrpSpPr>
        <p:grpSpPr>
          <a:xfrm>
            <a:off x="10906055" y="5543550"/>
            <a:ext cx="1082620" cy="1082702"/>
            <a:chOff x="9525000" y="4057649"/>
            <a:chExt cx="2016000" cy="2016154"/>
          </a:xfr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grpSpPr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CF73319E-6389-22F9-F5E6-CCBE20F14B94}"/>
                </a:ext>
              </a:extLst>
            </p:cNvPr>
            <p:cNvSpPr>
              <a:spLocks noChangeAspect="1"/>
            </p:cNvSpPr>
            <p:nvPr userDrawn="1"/>
          </p:nvSpPr>
          <p:spPr>
            <a:xfrm>
              <a:off x="9525000" y="4057649"/>
              <a:ext cx="2016000" cy="2016154"/>
            </a:xfrm>
            <a:prstGeom prst="ellipse">
              <a:avLst/>
            </a:prstGeom>
            <a:solidFill>
              <a:srgbClr val="18A74B"/>
            </a:solidFill>
            <a:ln w="69850" cmpd="sng">
              <a:solidFill>
                <a:srgbClr val="66B86C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CF04B7-0031-44C1-F0C2-9C01AF89EBD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/>
            <a:stretch>
              <a:fillRect/>
            </a:stretch>
          </p:blipFill>
          <p:spPr>
            <a:xfrm>
              <a:off x="9645168" y="4227526"/>
              <a:ext cx="1775662" cy="1676401"/>
            </a:xfrm>
            <a:prstGeom prst="rect">
              <a:avLst/>
            </a:prstGeom>
            <a:ln w="9525">
              <a:noFill/>
            </a:ln>
          </p:spPr>
        </p:pic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08EE47CD-A209-4B0C-0ADD-440B5D21AF16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66676" y="129113"/>
            <a:ext cx="3240000" cy="1556471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C003F7A8-CAE3-9EF7-6699-006290E0524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0D5670A2-801C-C344-59F2-078C667726F7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Graphic 9">
              <a:extLst>
                <a:ext uri="{FF2B5EF4-FFF2-40B4-BE49-F238E27FC236}">
                  <a16:creationId xmlns:a16="http://schemas.microsoft.com/office/drawing/2014/main" id="{ABD0778B-B0B0-A4B3-8557-3FCAB1122EBC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94600BDA-5A53-0825-2929-9083129448BF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5" name="Rectangle 14">
              <a:extLst>
                <a:ext uri="{FF2B5EF4-FFF2-40B4-BE49-F238E27FC236}">
                  <a16:creationId xmlns:a16="http://schemas.microsoft.com/office/drawing/2014/main" id="{33C3E6DB-143F-6248-0274-F46195E9E36E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396AA738-BDA3-C9E1-F3DE-919FD974B955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243237038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C6282C"/>
          </a:solidFill>
          <a:ln w="228600" cmpd="sng">
            <a:solidFill>
              <a:srgbClr val="D45E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C6282C"/>
          </a:solidFill>
          <a:ln w="69850" cmpd="sng">
            <a:solidFill>
              <a:srgbClr val="D45E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7621D62-C245-F7AE-60B6-1E1F7B020F53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97309" y="115153"/>
            <a:ext cx="3230092" cy="149259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38EF687-D824-FFEB-80E8-2CE76D718E1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43593" y="5699708"/>
            <a:ext cx="980247" cy="756738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0F5DB99-6AE4-BCEA-8D8E-094EF425E56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A90F3362-DBCF-1544-F53F-86CE4513D3C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5" name="Graphic 4">
              <a:extLst>
                <a:ext uri="{FF2B5EF4-FFF2-40B4-BE49-F238E27FC236}">
                  <a16:creationId xmlns:a16="http://schemas.microsoft.com/office/drawing/2014/main" id="{303E694D-6866-9421-F20A-7CB3D99A3F5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A1B3EB4D-097C-7530-F1F1-E76F22D34274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8" name="Rectangle 7">
              <a:extLst>
                <a:ext uri="{FF2B5EF4-FFF2-40B4-BE49-F238E27FC236}">
                  <a16:creationId xmlns:a16="http://schemas.microsoft.com/office/drawing/2014/main" id="{ECD509DC-D597-BA95-8504-6B1950672FAB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9058C063-7B45-6025-E5F2-4602E85D94B0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657428780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03400A2A-3D29-4FEE-3CD4-AF36960A3E7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783A0F0E-06A6-649F-95EC-8612BE1732F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0DDAD996-54DD-337C-34A5-EDB37A958F3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9A53208D-C6B6-26D6-0D4C-AD3FEEE1DEAC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Rectangle 8">
              <a:extLst>
                <a:ext uri="{FF2B5EF4-FFF2-40B4-BE49-F238E27FC236}">
                  <a16:creationId xmlns:a16="http://schemas.microsoft.com/office/drawing/2014/main" id="{677FC455-4BE0-D6B8-90A3-BBB2DB9B673A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AC0B0E03-5BA1-178A-7BB2-58B1AC5AF477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616889904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DAAF3636-5C72-AEB8-964F-416BF9F34348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E94C11"/>
          </a:solidFill>
          <a:ln w="228600" cmpd="sng">
            <a:solidFill>
              <a:srgbClr val="EF7B4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ADE61EB0-996B-B8FC-A23C-41A7FA1C4C62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E94C11"/>
          </a:solidFill>
          <a:ln w="69850" cmpd="sng">
            <a:solidFill>
              <a:srgbClr val="EF7B4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A4220AC-F224-AC2D-EB7D-5C818D527337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86081" y="99700"/>
            <a:ext cx="3223857" cy="1486638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E8822117-AED8-2274-7DAA-C7EF8ECA925A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52982" y="5718687"/>
            <a:ext cx="958285" cy="762907"/>
          </a:xfrm>
          <a:prstGeom prst="rect">
            <a:avLst/>
          </a:prstGeom>
        </p:spPr>
      </p:pic>
      <p:grpSp>
        <p:nvGrpSpPr>
          <p:cNvPr id="4" name="Group 3">
            <a:extLst>
              <a:ext uri="{FF2B5EF4-FFF2-40B4-BE49-F238E27FC236}">
                <a16:creationId xmlns:a16="http://schemas.microsoft.com/office/drawing/2014/main" id="{E4FB67AF-5426-CAB4-1BFD-DFE4CB5F44EA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4A042E60-5CDC-448B-D7F5-2A7B3691527A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6" name="Graphic 5">
              <a:extLst>
                <a:ext uri="{FF2B5EF4-FFF2-40B4-BE49-F238E27FC236}">
                  <a16:creationId xmlns:a16="http://schemas.microsoft.com/office/drawing/2014/main" id="{CAE22828-5FE7-0C14-A09E-A3F22BFDD1F8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E5738B80-A250-0242-9265-20B4FC16DFD2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Rectangle 8">
              <a:extLst>
                <a:ext uri="{FF2B5EF4-FFF2-40B4-BE49-F238E27FC236}">
                  <a16:creationId xmlns:a16="http://schemas.microsoft.com/office/drawing/2014/main" id="{8EE742FB-CF3F-6EC7-C99C-ACB42B9D5801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50916950-8165-43B2-0250-D7712AA8DBEF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884436301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76126C5C-0EB7-B314-803B-E54CD4A739F2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E391E51E-3E26-188F-A848-2761EDF45A53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7" name="Graphic 6">
              <a:extLst>
                <a:ext uri="{FF2B5EF4-FFF2-40B4-BE49-F238E27FC236}">
                  <a16:creationId xmlns:a16="http://schemas.microsoft.com/office/drawing/2014/main" id="{0E3C81C0-3965-5FC2-DB83-EE2CA28758D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D643AA8E-76C9-4FB7-7C17-5A852D508221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Rectangle 8">
              <a:extLst>
                <a:ext uri="{FF2B5EF4-FFF2-40B4-BE49-F238E27FC236}">
                  <a16:creationId xmlns:a16="http://schemas.microsoft.com/office/drawing/2014/main" id="{22A5D6F8-CC2A-1881-9A21-E18EF4BE383A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49E0918C-3949-6FA1-7082-6F910D82571E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741558402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C1EB46A7-4BDE-D9FD-EA0E-982AB9B242DE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7D83"/>
          </a:solidFill>
          <a:ln w="228600" cmpd="sng">
            <a:solidFill>
              <a:srgbClr val="2A979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D80DD9DC-620E-8F3D-6D20-FBB1163F02A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7D83"/>
          </a:solidFill>
          <a:ln w="69850" cmpd="sng">
            <a:solidFill>
              <a:srgbClr val="2A979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169654C-A662-CA61-BADA-DD6C75C2D679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31147" y="108803"/>
            <a:ext cx="3193078" cy="1492922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F67BA76-79E9-2894-921C-D3618BA7D4A3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92444" y="5710867"/>
            <a:ext cx="923490" cy="720772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F072F39E-3BFC-7F67-6DF4-9938A4419B38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2ED31271-22A1-3C0A-D7F1-13060683CD78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7" name="Graphic 6">
              <a:extLst>
                <a:ext uri="{FF2B5EF4-FFF2-40B4-BE49-F238E27FC236}">
                  <a16:creationId xmlns:a16="http://schemas.microsoft.com/office/drawing/2014/main" id="{F148B315-3D3A-3989-E065-BB371074FC0B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981F1C36-AB9C-3F69-C2F7-558B71AB6967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9" name="Rectangle 8">
              <a:extLst>
                <a:ext uri="{FF2B5EF4-FFF2-40B4-BE49-F238E27FC236}">
                  <a16:creationId xmlns:a16="http://schemas.microsoft.com/office/drawing/2014/main" id="{8A0450BC-7A79-4B35-1894-7D0A7EB9C1BC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FB418D47-DE9E-3723-24CF-B8D14BE1192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240913531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n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DC4F48B5-310B-3DB4-CAD5-5F7F75F0AF59}"/>
              </a:ext>
            </a:extLst>
          </p:cNvPr>
          <p:cNvGrpSpPr/>
          <p:nvPr userDrawn="1"/>
        </p:nvGrpSpPr>
        <p:grpSpPr>
          <a:xfrm>
            <a:off x="4892842" y="3041560"/>
            <a:ext cx="2406316" cy="774881"/>
            <a:chOff x="4892842" y="3041560"/>
            <a:chExt cx="2406316" cy="774881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ABCAE510-8CD3-51A6-91D3-1F39E5A79D8F}"/>
                </a:ext>
              </a:extLst>
            </p:cNvPr>
            <p:cNvSpPr/>
            <p:nvPr userDrawn="1"/>
          </p:nvSpPr>
          <p:spPr>
            <a:xfrm>
              <a:off x="4892842" y="3041560"/>
              <a:ext cx="2406316" cy="774881"/>
            </a:xfrm>
            <a:custGeom>
              <a:avLst/>
              <a:gdLst>
                <a:gd name="connsiteX0" fmla="*/ 0 w 2406316"/>
                <a:gd name="connsiteY0" fmla="*/ 0 h 774881"/>
                <a:gd name="connsiteX1" fmla="*/ 409074 w 2406316"/>
                <a:gd name="connsiteY1" fmla="*/ 0 h 774881"/>
                <a:gd name="connsiteX2" fmla="*/ 890337 w 2406316"/>
                <a:gd name="connsiteY2" fmla="*/ 0 h 774881"/>
                <a:gd name="connsiteX3" fmla="*/ 1419726 w 2406316"/>
                <a:gd name="connsiteY3" fmla="*/ 0 h 774881"/>
                <a:gd name="connsiteX4" fmla="*/ 1828800 w 2406316"/>
                <a:gd name="connsiteY4" fmla="*/ 0 h 774881"/>
                <a:gd name="connsiteX5" fmla="*/ 2406316 w 2406316"/>
                <a:gd name="connsiteY5" fmla="*/ 0 h 774881"/>
                <a:gd name="connsiteX6" fmla="*/ 2406316 w 2406316"/>
                <a:gd name="connsiteY6" fmla="*/ 379692 h 774881"/>
                <a:gd name="connsiteX7" fmla="*/ 2406316 w 2406316"/>
                <a:gd name="connsiteY7" fmla="*/ 774881 h 774881"/>
                <a:gd name="connsiteX8" fmla="*/ 1949116 w 2406316"/>
                <a:gd name="connsiteY8" fmla="*/ 774881 h 774881"/>
                <a:gd name="connsiteX9" fmla="*/ 1515979 w 2406316"/>
                <a:gd name="connsiteY9" fmla="*/ 774881 h 774881"/>
                <a:gd name="connsiteX10" fmla="*/ 1034716 w 2406316"/>
                <a:gd name="connsiteY10" fmla="*/ 774881 h 774881"/>
                <a:gd name="connsiteX11" fmla="*/ 553453 w 2406316"/>
                <a:gd name="connsiteY11" fmla="*/ 774881 h 774881"/>
                <a:gd name="connsiteX12" fmla="*/ 0 w 2406316"/>
                <a:gd name="connsiteY12" fmla="*/ 774881 h 774881"/>
                <a:gd name="connsiteX13" fmla="*/ 0 w 2406316"/>
                <a:gd name="connsiteY13" fmla="*/ 387441 h 774881"/>
                <a:gd name="connsiteX14" fmla="*/ 0 w 2406316"/>
                <a:gd name="connsiteY14" fmla="*/ 0 h 77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406316" h="774881" fill="none" extrusionOk="0">
                  <a:moveTo>
                    <a:pt x="0" y="0"/>
                  </a:moveTo>
                  <a:cubicBezTo>
                    <a:pt x="194364" y="-31830"/>
                    <a:pt x="235146" y="11035"/>
                    <a:pt x="409074" y="0"/>
                  </a:cubicBezTo>
                  <a:cubicBezTo>
                    <a:pt x="583002" y="-11035"/>
                    <a:pt x="711054" y="37081"/>
                    <a:pt x="890337" y="0"/>
                  </a:cubicBezTo>
                  <a:cubicBezTo>
                    <a:pt x="1069620" y="-37081"/>
                    <a:pt x="1214472" y="30236"/>
                    <a:pt x="1419726" y="0"/>
                  </a:cubicBezTo>
                  <a:cubicBezTo>
                    <a:pt x="1624980" y="-30236"/>
                    <a:pt x="1666413" y="41479"/>
                    <a:pt x="1828800" y="0"/>
                  </a:cubicBezTo>
                  <a:cubicBezTo>
                    <a:pt x="1991187" y="-41479"/>
                    <a:pt x="2230636" y="10614"/>
                    <a:pt x="2406316" y="0"/>
                  </a:cubicBezTo>
                  <a:cubicBezTo>
                    <a:pt x="2448559" y="160476"/>
                    <a:pt x="2378624" y="265187"/>
                    <a:pt x="2406316" y="379692"/>
                  </a:cubicBezTo>
                  <a:cubicBezTo>
                    <a:pt x="2434008" y="494197"/>
                    <a:pt x="2387776" y="682639"/>
                    <a:pt x="2406316" y="774881"/>
                  </a:cubicBezTo>
                  <a:cubicBezTo>
                    <a:pt x="2286220" y="797293"/>
                    <a:pt x="2166484" y="721591"/>
                    <a:pt x="1949116" y="774881"/>
                  </a:cubicBezTo>
                  <a:cubicBezTo>
                    <a:pt x="1731748" y="828171"/>
                    <a:pt x="1705358" y="759543"/>
                    <a:pt x="1515979" y="774881"/>
                  </a:cubicBezTo>
                  <a:cubicBezTo>
                    <a:pt x="1326600" y="790219"/>
                    <a:pt x="1257841" y="737081"/>
                    <a:pt x="1034716" y="774881"/>
                  </a:cubicBezTo>
                  <a:cubicBezTo>
                    <a:pt x="811591" y="812681"/>
                    <a:pt x="687099" y="757171"/>
                    <a:pt x="553453" y="774881"/>
                  </a:cubicBezTo>
                  <a:cubicBezTo>
                    <a:pt x="419807" y="792591"/>
                    <a:pt x="189956" y="735547"/>
                    <a:pt x="0" y="774881"/>
                  </a:cubicBezTo>
                  <a:cubicBezTo>
                    <a:pt x="-22423" y="665689"/>
                    <a:pt x="7745" y="542671"/>
                    <a:pt x="0" y="387441"/>
                  </a:cubicBezTo>
                  <a:cubicBezTo>
                    <a:pt x="-7745" y="232211"/>
                    <a:pt x="29851" y="175436"/>
                    <a:pt x="0" y="0"/>
                  </a:cubicBezTo>
                  <a:close/>
                </a:path>
                <a:path w="2406316" h="774881" stroke="0" extrusionOk="0">
                  <a:moveTo>
                    <a:pt x="0" y="0"/>
                  </a:moveTo>
                  <a:cubicBezTo>
                    <a:pt x="139917" y="-47797"/>
                    <a:pt x="303419" y="19270"/>
                    <a:pt x="457200" y="0"/>
                  </a:cubicBezTo>
                  <a:cubicBezTo>
                    <a:pt x="610981" y="-19270"/>
                    <a:pt x="803116" y="40661"/>
                    <a:pt x="962526" y="0"/>
                  </a:cubicBezTo>
                  <a:cubicBezTo>
                    <a:pt x="1121936" y="-40661"/>
                    <a:pt x="1350156" y="39439"/>
                    <a:pt x="1491916" y="0"/>
                  </a:cubicBezTo>
                  <a:cubicBezTo>
                    <a:pt x="1633676" y="-39439"/>
                    <a:pt x="1791891" y="39116"/>
                    <a:pt x="1925053" y="0"/>
                  </a:cubicBezTo>
                  <a:cubicBezTo>
                    <a:pt x="2058215" y="-39116"/>
                    <a:pt x="2250274" y="12969"/>
                    <a:pt x="2406316" y="0"/>
                  </a:cubicBezTo>
                  <a:cubicBezTo>
                    <a:pt x="2443061" y="167834"/>
                    <a:pt x="2362605" y="254878"/>
                    <a:pt x="2406316" y="371943"/>
                  </a:cubicBezTo>
                  <a:cubicBezTo>
                    <a:pt x="2450027" y="489008"/>
                    <a:pt x="2359769" y="590224"/>
                    <a:pt x="2406316" y="774881"/>
                  </a:cubicBezTo>
                  <a:cubicBezTo>
                    <a:pt x="2186138" y="794119"/>
                    <a:pt x="2028354" y="765699"/>
                    <a:pt x="1925053" y="774881"/>
                  </a:cubicBezTo>
                  <a:cubicBezTo>
                    <a:pt x="1821752" y="784063"/>
                    <a:pt x="1582984" y="741213"/>
                    <a:pt x="1419726" y="774881"/>
                  </a:cubicBezTo>
                  <a:cubicBezTo>
                    <a:pt x="1256468" y="808549"/>
                    <a:pt x="1154252" y="759292"/>
                    <a:pt x="938463" y="774881"/>
                  </a:cubicBezTo>
                  <a:cubicBezTo>
                    <a:pt x="722674" y="790470"/>
                    <a:pt x="642077" y="761377"/>
                    <a:pt x="505326" y="774881"/>
                  </a:cubicBezTo>
                  <a:cubicBezTo>
                    <a:pt x="368575" y="788385"/>
                    <a:pt x="247347" y="764956"/>
                    <a:pt x="0" y="774881"/>
                  </a:cubicBezTo>
                  <a:cubicBezTo>
                    <a:pt x="-24975" y="586873"/>
                    <a:pt x="38624" y="543173"/>
                    <a:pt x="0" y="395189"/>
                  </a:cubicBezTo>
                  <a:cubicBezTo>
                    <a:pt x="-38624" y="247205"/>
                    <a:pt x="38623" y="185221"/>
                    <a:pt x="0" y="0"/>
                  </a:cubicBezTo>
                  <a:close/>
                </a:path>
              </a:pathLst>
            </a:custGeom>
            <a:solidFill>
              <a:srgbClr val="0D88D3"/>
            </a:solidFill>
            <a:ln w="41275" cmpd="sng">
              <a:solidFill>
                <a:schemeClr val="accent2"/>
              </a:solidFill>
              <a:extLst>
                <a:ext uri="{C807C97D-BFC1-408E-A445-0C87EB9F89A2}">
                  <ask:lineSketchStyleProps xmlns:ask="http://schemas.microsoft.com/office/drawing/2018/sketchyshapes" sd="2523563196">
                    <a:prstGeom prst="rect">
                      <a:avLst/>
                    </a:prstGeom>
                    <ask:type>
                      <ask:lineSketchScribble/>
                    </ask:type>
                  </ask:lineSketchStyleProps>
                </a:ext>
              </a:extLst>
            </a:ln>
            <a:effectLst>
              <a:innerShdw blurRad="114300">
                <a:prstClr val="black"/>
              </a:innerShdw>
            </a:effectLst>
          </p:spPr>
          <p:style>
            <a:lnRef idx="2">
              <a:schemeClr val="accent4">
                <a:shade val="15000"/>
              </a:schemeClr>
            </a:lnRef>
            <a:fillRef idx="1">
              <a:schemeClr val="accent4"/>
            </a:fillRef>
            <a:effectRef idx="0">
              <a:schemeClr val="accent4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7CA84233-421D-D694-CF48-E019FB3E9468}"/>
                </a:ext>
              </a:extLst>
            </p:cNvPr>
            <p:cNvSpPr txBox="1"/>
            <p:nvPr userDrawn="1"/>
          </p:nvSpPr>
          <p:spPr>
            <a:xfrm>
              <a:off x="5044966" y="3105835"/>
              <a:ext cx="2102068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600" dirty="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The End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247344459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A132BE9-BD2D-41D3-8D8A-DB8C6A9E0EC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7696477-EA2B-4745-B52F-89304238E57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78A9951-8907-41BD-88FA-3B1CC64EAB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2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7B2D534-ECC8-4048-BCA7-330D6D00D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FDF5F66-9E69-418F-9F46-DAE1B4530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08647243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28EB81-985C-4A2B-A1B4-179C4B4EE6C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A2B42C5-3EDC-4E63-82E6-872AC0883C9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F60CD03-83CD-4661-9CFB-1F46F761D0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2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58064F9-6B1A-48E7-8256-5A15F9829B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FA33E61-702D-4331-B84C-9ACEAB541F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44888857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F9EF1DB-98C9-45AE-8D54-B27CF5C2E20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CA411B1-7765-44A7-B5AB-96A26A4736C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1F0690-79D0-4827-9D9C-9C6C9BD66A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2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4959B5C-ECF1-4397-9FE3-F9CE824154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98F725-BC65-4505-9639-FEF092E480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78370594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6FE09FD-A0DD-43AE-9B88-EB29905419E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FB76C76-6356-4A7E-BFBD-5CF61D021C36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052BD5-EF2C-4A96-A9E3-7387DD9C8BF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B7E4F51-BFF5-4A2E-9ABD-E67B7E2B3F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29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171AF48-0648-4388-A125-19A03C3A35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5A88B52-7CAB-4EFA-9C7A-ECF75C35763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6693533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F31A1401-C3DB-88D6-F4A1-45DCCBBC2633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5289569-C716-03AB-FC43-379F16413E6E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66C35AC4-6B4E-1901-0B23-BD0F18E27F75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C61E5ED5-3E8B-0DF7-1AD9-7E0FF36F9A1E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grpSp>
        <p:nvGrpSpPr>
          <p:cNvPr id="23" name="Group 22">
            <a:extLst>
              <a:ext uri="{FF2B5EF4-FFF2-40B4-BE49-F238E27FC236}">
                <a16:creationId xmlns:a16="http://schemas.microsoft.com/office/drawing/2014/main" id="{EE5B83C6-6A3F-B296-5A8C-667B15ACD90D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D4593E08-582E-6548-1440-CE959ABCA87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4" name="Graphic 13">
              <a:extLst>
                <a:ext uri="{FF2B5EF4-FFF2-40B4-BE49-F238E27FC236}">
                  <a16:creationId xmlns:a16="http://schemas.microsoft.com/office/drawing/2014/main" id="{0E34692F-CA22-C928-5B87-4F7D8D6AE16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A67CF4-8F4A-3D07-FB71-BF3C5112899A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1" name="Rectangle 20">
              <a:extLst>
                <a:ext uri="{FF2B5EF4-FFF2-40B4-BE49-F238E27FC236}">
                  <a16:creationId xmlns:a16="http://schemas.microsoft.com/office/drawing/2014/main" id="{991029F3-01F3-B818-FD90-3716B5A4C50F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22" name="Picture 21">
              <a:extLst>
                <a:ext uri="{FF2B5EF4-FFF2-40B4-BE49-F238E27FC236}">
                  <a16:creationId xmlns:a16="http://schemas.microsoft.com/office/drawing/2014/main" id="{016D5409-4D35-2B85-5A05-AA6E22331A7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51400839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51C5A7-0B9F-4E50-933F-2C729049608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BC0B8DD-F9EB-4793-8CDC-385ED0D3182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E6B37D0-ADBD-4F4E-A6D2-5964F6AE480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CE5372B-C717-4B8C-A902-67D2C5B440B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2BA83D6-FC4E-4F87-AD77-A0BE67364CA9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5EE00E8-4E74-4151-A70C-CBCB656BFE9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29/20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C4ED956-351C-418C-9008-D95FC0453E5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A859782-C301-464F-9421-EAD31C7B92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0276438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33453404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87409-D74B-4B71-80EA-C73AEF3830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2DAB4651-E3BE-4AD6-A49A-19D9C3F3A12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9DA7E9BB-1B03-40BC-9C02-F92B7334633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55152DD-9E67-4484-9963-0DB61ED4AD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29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79DAA88C-D291-4FDF-8918-8822CCF46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A0FB18A-D7D9-4013-90CF-0545BBCB21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2954514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EA9AD9-AD14-441E-B793-D3FEB38674A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09248CD-D0DC-4559-B9A8-ED0C0A6FBCF8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823A126-7D81-4CFA-B209-B3C693B4C8F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791539-D4F8-4E3F-8E66-50580D6181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29/20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6963805-4DAF-4D02-BE16-F2D51B32C1F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43D941F-FD6D-4748-BB82-B473E2EE32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03634872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5296A9-0C02-4B72-9EC5-25D64795032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3274733-74DE-4CAD-9D40-C3B544CEB97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0AE2404-8FBB-4B93-87A8-0B8F4D2B78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2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C675F76-D458-4881-8A21-2C351B858AF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A4175D6-0A8F-4650-AC1D-3AB235CE1D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14604149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F01487B7-43BF-4B6D-B9DA-88CC4CEB343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C3BFB80-4916-43EA-A9F4-6A6A00F7B8FF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1BC0E5E-2A5C-4BCE-927B-0E73A9EDE3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B3C6E9-61C6-4137-B436-54E404246A35}" type="datetimeFigureOut">
              <a:rPr lang="en-US" smtClean="0"/>
              <a:t>8/2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99781E-6D51-44B8-82E0-71BE11B157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E53B7A-9C62-425D-92C2-DDEE5F003A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7028854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noFill/>
          <a:ln w="38100">
            <a:solidFill>
              <a:srgbClr val="00B3F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D74AA910-617F-BAB9-F75A-0ABCE53625F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B3F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962129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7ED3F7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4572911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ost-read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C5542E91-F5A6-19B5-FACC-D64A0C6FF5F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7692176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265271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AAD69C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4" name="object 76">
            <a:extLst>
              <a:ext uri="{FF2B5EF4-FFF2-40B4-BE49-F238E27FC236}">
                <a16:creationId xmlns:a16="http://schemas.microsoft.com/office/drawing/2014/main" id="{46C04CE8-6441-CDC9-5AD6-080997525099}"/>
              </a:ext>
            </a:extLst>
          </p:cNvPr>
          <p:cNvSpPr/>
          <p:nvPr userDrawn="1"/>
        </p:nvSpPr>
        <p:spPr>
          <a:xfrm>
            <a:off x="-28105" y="-1559176"/>
            <a:ext cx="4271083" cy="2310672"/>
          </a:xfrm>
          <a:custGeom>
            <a:avLst/>
            <a:gdLst/>
            <a:ahLst/>
            <a:cxnLst/>
            <a:rect l="l" t="t" r="r" b="b"/>
            <a:pathLst>
              <a:path w="2686050" h="630555">
                <a:moveTo>
                  <a:pt x="2685713" y="0"/>
                </a:moveTo>
                <a:lnTo>
                  <a:pt x="0" y="0"/>
                </a:lnTo>
                <a:lnTo>
                  <a:pt x="0" y="605552"/>
                </a:lnTo>
                <a:lnTo>
                  <a:pt x="32231" y="622219"/>
                </a:lnTo>
                <a:lnTo>
                  <a:pt x="80399" y="629996"/>
                </a:lnTo>
                <a:lnTo>
                  <a:pt x="2410799" y="629996"/>
                </a:lnTo>
                <a:lnTo>
                  <a:pt x="2460534" y="622377"/>
                </a:lnTo>
                <a:lnTo>
                  <a:pt x="2506719" y="601184"/>
                </a:lnTo>
                <a:lnTo>
                  <a:pt x="2546341" y="568867"/>
                </a:lnTo>
                <a:lnTo>
                  <a:pt x="2576387" y="527886"/>
                </a:lnTo>
                <a:lnTo>
                  <a:pt x="2593844" y="480700"/>
                </a:lnTo>
                <a:lnTo>
                  <a:pt x="2684039" y="41280"/>
                </a:lnTo>
                <a:lnTo>
                  <a:pt x="2685713" y="0"/>
                </a:lnTo>
                <a:close/>
              </a:path>
            </a:pathLst>
          </a:custGeom>
          <a:solidFill>
            <a:srgbClr val="50B848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  <p:sp>
        <p:nvSpPr>
          <p:cNvPr id="8" name="object 81">
            <a:extLst>
              <a:ext uri="{FF2B5EF4-FFF2-40B4-BE49-F238E27FC236}">
                <a16:creationId xmlns:a16="http://schemas.microsoft.com/office/drawing/2014/main" id="{EE56C48F-AEF9-64B7-01B1-2EFB0534C8EC}"/>
              </a:ext>
            </a:extLst>
          </p:cNvPr>
          <p:cNvSpPr txBox="1"/>
          <p:nvPr userDrawn="1"/>
        </p:nvSpPr>
        <p:spPr>
          <a:xfrm>
            <a:off x="681816" y="54364"/>
            <a:ext cx="2684823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>
              <a:spcBef>
                <a:spcPts val="61"/>
              </a:spcBef>
            </a:pPr>
            <a:r>
              <a:rPr sz="3600" b="1" spc="73" dirty="0">
                <a:solidFill>
                  <a:srgbClr val="FFFFFF"/>
                </a:solidFill>
                <a:latin typeface="Calibri" panose="020F0502020204030204" pitchFamily="34" charset="0"/>
                <a:cs typeface="Calibri"/>
              </a:rPr>
              <a:t>Post-</a:t>
            </a:r>
            <a:r>
              <a:rPr sz="3600" b="1" spc="64" dirty="0">
                <a:solidFill>
                  <a:srgbClr val="FFFFFF"/>
                </a:solidFill>
                <a:latin typeface="Calibri" panose="020F0502020204030204" pitchFamily="34" charset="0"/>
                <a:cs typeface="Calibri"/>
              </a:rPr>
              <a:t>reading</a:t>
            </a:r>
            <a:endParaRPr sz="3600" dirty="0">
              <a:latin typeface="Calibri" panose="020F0502020204030204" pitchFamily="34" charset="0"/>
              <a:cs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1924839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F31A1401-C3DB-88D6-F4A1-45DCCBBC2633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3163AA"/>
          </a:solidFill>
          <a:ln w="228600" cmpd="sng">
            <a:solidFill>
              <a:srgbClr val="607FB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F5289569-C716-03AB-FC43-379F16413E6E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3163AA"/>
          </a:solidFill>
          <a:ln w="69850" cmpd="sng">
            <a:solidFill>
              <a:srgbClr val="607FB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66C35AC4-6B4E-1901-0B23-BD0F18E27F75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2995" y="153518"/>
            <a:ext cx="3222599" cy="1488612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C61E5ED5-3E8B-0DF7-1AD9-7E0FF36F9A1E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1063489" y="5769768"/>
            <a:ext cx="804000" cy="612000"/>
          </a:xfrm>
          <a:prstGeom prst="rect">
            <a:avLst/>
          </a:prstGeom>
        </p:spPr>
      </p:pic>
      <p:grpSp>
        <p:nvGrpSpPr>
          <p:cNvPr id="9" name="Group 8">
            <a:extLst>
              <a:ext uri="{FF2B5EF4-FFF2-40B4-BE49-F238E27FC236}">
                <a16:creationId xmlns:a16="http://schemas.microsoft.com/office/drawing/2014/main" id="{8BCBE2E5-65D8-D88D-3270-973A2709EDD3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D4593E08-582E-6548-1440-CE959ABCA87B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4" name="Graphic 3">
              <a:extLst>
                <a:ext uri="{FF2B5EF4-FFF2-40B4-BE49-F238E27FC236}">
                  <a16:creationId xmlns:a16="http://schemas.microsoft.com/office/drawing/2014/main" id="{54239F58-66DF-4DDD-AA21-7C05F2633E5A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D37FAE35-9E1B-ABC5-58AE-33D01F4BC24A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7" name="Rectangle 6">
              <a:extLst>
                <a:ext uri="{FF2B5EF4-FFF2-40B4-BE49-F238E27FC236}">
                  <a16:creationId xmlns:a16="http://schemas.microsoft.com/office/drawing/2014/main" id="{B45FE35D-1380-FB29-FBEB-AFF32C4056A0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Picture 7">
              <a:extLst>
                <a:ext uri="{FF2B5EF4-FFF2-40B4-BE49-F238E27FC236}">
                  <a16:creationId xmlns:a16="http://schemas.microsoft.com/office/drawing/2014/main" id="{D79EC5F6-C931-D56D-8F69-CDB125108434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37983420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50B848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eading skill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F1479983-080A-31B1-67EC-21E8339D725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036496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9EFD7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3387383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F37D7D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F37D7D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alue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16350E3-B81B-0483-4852-0A97D8F674A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388573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FDE3DF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0981499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C657A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C657A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Key words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F7A2B8B-20DC-70F1-C129-3A909BBD0F10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5434849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DDA6CC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42531434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ocab booster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D2F1EFE-D217-C461-6F55-FA27AD5F9C3C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1999842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CFD19062-8E8B-3E36-668B-F021B6383F0B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9002246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29413639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1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A8135FC-388D-A394-0A3F-71662C40EA1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9307509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C1F630D1-E421-BC9D-CB5C-B1EBA6F9BC4D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BA65B0FD-E634-DE06-5CBE-2CCBA09337D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6A0E1AC4-2EF2-201E-0AF2-31F3F0DDBC5C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FBE34C61-E3DC-AA7F-60F5-CF4233F565D9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240BE82C-1968-CEAA-625D-2DB27FD59EAC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45FB395E-8FAF-42AC-E71D-2E4C5247FF2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771625381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CCECFF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93960527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749C4272-4325-E9F6-26C5-A17F00A0DD5C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1050181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2814559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66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66B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rammar 2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60795616-0B1C-D0EF-D965-61B5F493B370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8037163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80A0D3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6381914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91D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91D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Speaking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343F7E06-E764-C1AA-D729-4F78D5BD7ABC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9304301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5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5BFE5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4963016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Scienc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B0E5AA53-BA3B-B607-9008-7CA14445FA73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191544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5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Cultur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9222A651-C343-4618-2F78-A67835B54AFB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376748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5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56631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err="1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RaC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3600" b="1" dirty="0">
                <a:solidFill>
                  <a:srgbClr val="FFFF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|</a:t>
            </a:r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echnology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8DF9F976-C34E-4AD6-F1B1-48860E4D4803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207974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ocument 1">
            <a:extLst>
              <a:ext uri="{FF2B5EF4-FFF2-40B4-BE49-F238E27FC236}">
                <a16:creationId xmlns:a16="http://schemas.microsoft.com/office/drawing/2014/main" id="{CEA460FC-17B2-BBAE-2ECA-57BE38EB5B45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DA4179"/>
          </a:solidFill>
          <a:ln w="228600" cmpd="sng">
            <a:solidFill>
              <a:srgbClr val="E2729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7F6CCB79-F9C9-6996-302F-9B25506048A1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DA4179"/>
          </a:solidFill>
          <a:ln w="69850" cmpd="sng">
            <a:solidFill>
              <a:srgbClr val="E2729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B6AB933-822D-5431-2062-5DF02470E49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2451" y="110495"/>
            <a:ext cx="3213334" cy="1547999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D7C4394-FDE0-D97D-D601-F74F4CDE5F70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64161" y="5720139"/>
            <a:ext cx="956883" cy="720000"/>
          </a:xfrm>
          <a:prstGeom prst="rect">
            <a:avLst/>
          </a:prstGeom>
        </p:spPr>
      </p:pic>
      <p:grpSp>
        <p:nvGrpSpPr>
          <p:cNvPr id="6" name="Group 5">
            <a:extLst>
              <a:ext uri="{FF2B5EF4-FFF2-40B4-BE49-F238E27FC236}">
                <a16:creationId xmlns:a16="http://schemas.microsoft.com/office/drawing/2014/main" id="{650E000E-485A-DA00-E23C-9D766BA06AE9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6F8D21B-65B5-532E-27BA-5DE3DC90F3F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0D2FE40D-BB9C-63E2-ABAF-A066A53809B2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265FAE93-7C4D-5233-7F37-26770C7A6DA7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A6ADCEA6-08B7-376B-D79D-94E50E570EF4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E8C86543-30FD-C41B-9985-BC41F9B4FFA7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963613072"/>
      </p:ext>
    </p:extLst>
  </p:cSld>
  <p:clrMapOvr>
    <a:masterClrMapping/>
  </p:clrMapOvr>
</p:sldLayout>
</file>

<file path=ppt/slideLayouts/slideLayout6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00AB4E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00AB4E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ext type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27A6FC9D-B215-80F4-E258-6423D919E19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5664377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6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90CE9C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4589325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7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7961AA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" name="Flowchart: Terminator 20">
            <a:extLst>
              <a:ext uri="{FF2B5EF4-FFF2-40B4-BE49-F238E27FC236}">
                <a16:creationId xmlns:a16="http://schemas.microsoft.com/office/drawing/2014/main" id="{6E9E4FE4-1DEF-BF6A-40C3-72374DC5C41D}"/>
              </a:ext>
            </a:extLst>
          </p:cNvPr>
          <p:cNvSpPr/>
          <p:nvPr userDrawn="1"/>
        </p:nvSpPr>
        <p:spPr>
          <a:xfrm>
            <a:off x="4534413" y="2404277"/>
            <a:ext cx="3077502" cy="986623"/>
          </a:xfrm>
          <a:custGeom>
            <a:avLst/>
            <a:gdLst>
              <a:gd name="connsiteX0" fmla="*/ 3475 w 21600"/>
              <a:gd name="connsiteY0" fmla="*/ 0 h 21600"/>
              <a:gd name="connsiteX1" fmla="*/ 18125 w 21600"/>
              <a:gd name="connsiteY1" fmla="*/ 0 h 21600"/>
              <a:gd name="connsiteX2" fmla="*/ 21600 w 21600"/>
              <a:gd name="connsiteY2" fmla="*/ 10800 h 21600"/>
              <a:gd name="connsiteX3" fmla="*/ 18125 w 21600"/>
              <a:gd name="connsiteY3" fmla="*/ 21600 h 21600"/>
              <a:gd name="connsiteX4" fmla="*/ 3475 w 21600"/>
              <a:gd name="connsiteY4" fmla="*/ 21600 h 21600"/>
              <a:gd name="connsiteX5" fmla="*/ 0 w 21600"/>
              <a:gd name="connsiteY5" fmla="*/ 10800 h 21600"/>
              <a:gd name="connsiteX6" fmla="*/ 3475 w 21600"/>
              <a:gd name="connsiteY6" fmla="*/ 0 h 21600"/>
              <a:gd name="connsiteX0" fmla="*/ 2385 w 20510"/>
              <a:gd name="connsiteY0" fmla="*/ 0 h 21600"/>
              <a:gd name="connsiteX1" fmla="*/ 17035 w 20510"/>
              <a:gd name="connsiteY1" fmla="*/ 0 h 21600"/>
              <a:gd name="connsiteX2" fmla="*/ 20510 w 20510"/>
              <a:gd name="connsiteY2" fmla="*/ 10800 h 21600"/>
              <a:gd name="connsiteX3" fmla="*/ 17035 w 20510"/>
              <a:gd name="connsiteY3" fmla="*/ 21600 h 21600"/>
              <a:gd name="connsiteX4" fmla="*/ 2385 w 20510"/>
              <a:gd name="connsiteY4" fmla="*/ 21600 h 21600"/>
              <a:gd name="connsiteX5" fmla="*/ 0 w 20510"/>
              <a:gd name="connsiteY5" fmla="*/ 10300 h 21600"/>
              <a:gd name="connsiteX6" fmla="*/ 2385 w 20510"/>
              <a:gd name="connsiteY6" fmla="*/ 0 h 21600"/>
              <a:gd name="connsiteX0" fmla="*/ 2385 w 19136"/>
              <a:gd name="connsiteY0" fmla="*/ 0 h 21600"/>
              <a:gd name="connsiteX1" fmla="*/ 17035 w 19136"/>
              <a:gd name="connsiteY1" fmla="*/ 0 h 21600"/>
              <a:gd name="connsiteX2" fmla="*/ 19136 w 19136"/>
              <a:gd name="connsiteY2" fmla="*/ 10800 h 21600"/>
              <a:gd name="connsiteX3" fmla="*/ 17035 w 19136"/>
              <a:gd name="connsiteY3" fmla="*/ 21600 h 21600"/>
              <a:gd name="connsiteX4" fmla="*/ 2385 w 19136"/>
              <a:gd name="connsiteY4" fmla="*/ 21600 h 21600"/>
              <a:gd name="connsiteX5" fmla="*/ 0 w 19136"/>
              <a:gd name="connsiteY5" fmla="*/ 10300 h 21600"/>
              <a:gd name="connsiteX6" fmla="*/ 2385 w 19136"/>
              <a:gd name="connsiteY6" fmla="*/ 0 h 216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9136" h="21600">
                <a:moveTo>
                  <a:pt x="2385" y="0"/>
                </a:moveTo>
                <a:lnTo>
                  <a:pt x="17035" y="0"/>
                </a:lnTo>
                <a:cubicBezTo>
                  <a:pt x="18954" y="0"/>
                  <a:pt x="19136" y="4835"/>
                  <a:pt x="19136" y="10800"/>
                </a:cubicBezTo>
                <a:cubicBezTo>
                  <a:pt x="19136" y="16765"/>
                  <a:pt x="18954" y="21600"/>
                  <a:pt x="17035" y="21600"/>
                </a:cubicBezTo>
                <a:lnTo>
                  <a:pt x="2385" y="21600"/>
                </a:lnTo>
                <a:cubicBezTo>
                  <a:pt x="466" y="21600"/>
                  <a:pt x="0" y="16265"/>
                  <a:pt x="0" y="10300"/>
                </a:cubicBezTo>
                <a:cubicBezTo>
                  <a:pt x="0" y="4335"/>
                  <a:pt x="466" y="0"/>
                  <a:pt x="2385" y="0"/>
                </a:cubicBezTo>
                <a:close/>
              </a:path>
            </a:pathLst>
          </a:custGeom>
          <a:solidFill>
            <a:srgbClr val="7961A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ask</a:t>
            </a:r>
            <a:endParaRPr lang="en-HK" sz="3600" b="1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BB1807E1-1948-AC5C-9299-87765596DA0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023711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8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rgbClr val="B1A3CF"/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23635591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9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3432965B-3D8D-13F5-0287-777110EC893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backgroundRemoval t="6509" b="96450" l="3129" r="99249">
                        <a14:foregroundMark x1="26909" y1="21893" x2="26789" y2="81817"/>
                        <a14:foregroundMark x1="37547" y1="25444" x2="38298" y2="77515"/>
                        <a14:foregroundMark x1="47309" y1="20710" x2="48185" y2="76923"/>
                        <a14:foregroundMark x1="60826" y1="15385" x2="59700" y2="71006"/>
                        <a14:foregroundMark x1="59700" y1="71006" x2="59950" y2="72781"/>
                        <a14:foregroundMark x1="46683" y1="16568" x2="85732" y2="42604"/>
                        <a14:foregroundMark x1="85732" y1="42604" x2="76721" y2="70414"/>
                        <a14:foregroundMark x1="22653" y1="29586" x2="85482" y2="29586"/>
                        <a14:foregroundMark x1="77722" y1="68639" x2="89688" y2="67696"/>
                        <a14:foregroundMark x1="90139" y1="59990" x2="73841" y2="80971"/>
                        <a14:foregroundMark x1="5506" y1="65175" x2="3390" y2="60969"/>
                        <a14:foregroundMark x1="13994" y1="82047" x2="9630" y2="73373"/>
                        <a14:foregroundMark x1="9763" y1="58580" x2="23905" y2="58580"/>
                        <a14:foregroundMark x1="88998" y1="45562" x2="91008" y2="45160"/>
                        <a14:foregroundMark x1="23905" y1="58580" x2="88998" y2="45562"/>
                        <a14:foregroundMark x1="15269" y1="27811" x2="15269" y2="27811"/>
                        <a14:foregroundMark x1="35169" y1="18935" x2="35169" y2="18935"/>
                        <a14:foregroundMark x1="34793" y1="61538" x2="34793" y2="61538"/>
                        <a14:foregroundMark x1="36045" y1="19527" x2="36045" y2="19527"/>
                        <a14:foregroundMark x1="35419" y1="65680" x2="35419" y2="65680"/>
                        <a14:foregroundMark x1="34043" y1="74556" x2="34043" y2="74556"/>
                        <a14:foregroundMark x1="35044" y1="44970" x2="35044" y2="44970"/>
                        <a14:backgroundMark x1="98498" y1="1775" x2="98498" y2="1775"/>
                        <a14:backgroundMark x1="97747" y1="91124" x2="97747" y2="91124"/>
                        <a14:backgroundMark x1="99124" y1="8876" x2="99124" y2="8876"/>
                        <a14:backgroundMark x1="2128" y1="94675" x2="2128" y2="94675"/>
                        <a14:backgroundMark x1="8010" y1="97633" x2="8010" y2="97633"/>
                        <a14:backgroundMark x1="5006" y1="95858" x2="11389" y2="95858"/>
                        <a14:backgroundMark x1="88022" y1="98026" x2="95745" y2="97633"/>
                        <a14:backgroundMark x1="84105" y1="98225" x2="86293" y2="98114"/>
                        <a14:backgroundMark x1="95745" y1="97633" x2="97121" y2="90533"/>
                        <a14:backgroundMark x1="97247" y1="8284" x2="99249" y2="6509"/>
                        <a14:backgroundMark x1="86717" y1="94700" x2="86233" y2="95266"/>
                        <a14:backgroundMark x1="98373" y1="81065" x2="95177" y2="84804"/>
                        <a14:backgroundMark x1="86233" y1="95266" x2="82478" y2="94675"/>
                        <a14:backgroundMark x1="99249" y1="90533" x2="98748" y2="93491"/>
                        <a14:backgroundMark x1="98498" y1="93491" x2="98498" y2="93491"/>
                        <a14:backgroundMark x1="93492" y1="1775" x2="93492" y2="1775"/>
                        <a14:backgroundMark x1="92491" y1="1183" x2="92491" y2="1183"/>
                        <a14:backgroundMark x1="6758" y1="20118" x2="6758" y2="20118"/>
                        <a14:backgroundMark x1="94869" y1="4734" x2="2628" y2="4142"/>
                        <a14:backgroundMark x1="2628" y1="4142" x2="501" y2="91716"/>
                        <a14:backgroundMark x1="93367" y1="33728" x2="93367" y2="33728"/>
                        <a14:backgroundMark x1="94994" y1="14793" x2="91114" y2="81065"/>
                        <a14:backgroundMark x1="91114" y1="81065" x2="80851" y2="89349"/>
                        <a14:backgroundMark x1="80851" y1="89349" x2="15019" y2="90533"/>
                        <a14:backgroundMark x1="15019" y1="90533" x2="14768" y2="89941"/>
                        <a14:backgroundMark x1="91239" y1="15976" x2="93867" y2="21893"/>
                        <a14:backgroundMark x1="91489" y1="13609" x2="91489" y2="13609"/>
                        <a14:backgroundMark x1="96746" y1="41420" x2="93367" y2="89941"/>
                        <a14:backgroundMark x1="93367" y1="89941" x2="94243" y2="83432"/>
                        <a14:backgroundMark x1="91114" y1="11243" x2="93742" y2="25444"/>
                        <a14:backgroundMark x1="90989" y1="45562" x2="90989" y2="45562"/>
                        <a14:backgroundMark x1="31039" y1="32544" x2="31039" y2="32544"/>
                        <a14:backgroundMark x1="7635" y1="53254" x2="7635" y2="73373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559044" y="2099917"/>
            <a:ext cx="5073911" cy="1073205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0D539794-927D-4216-D2B5-F8F14197AB2D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1585383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0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831335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3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23B26C7F-D522-3A45-D495-2300DF83B9FA}"/>
              </a:ext>
            </a:extLst>
          </p:cNvPr>
          <p:cNvSpPr/>
          <p:nvPr userDrawn="1"/>
        </p:nvSpPr>
        <p:spPr>
          <a:xfrm>
            <a:off x="3431655" y="3101340"/>
            <a:ext cx="5359400" cy="2209800"/>
          </a:xfrm>
          <a:prstGeom prst="roundRect">
            <a:avLst/>
          </a:prstGeom>
          <a:solidFill>
            <a:schemeClr val="bg1"/>
          </a:solidFill>
          <a:ln w="38100">
            <a:solidFill>
              <a:srgbClr val="4663A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600" b="1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A1245B17-5BAB-EEBF-9D92-33CB634B15F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863864" y="2176734"/>
            <a:ext cx="4311872" cy="901746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DF5E7373-E2C1-0FEC-E936-BC48464C9247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296" b="3296"/>
          <a:stretch/>
        </p:blipFill>
        <p:spPr>
          <a:xfrm>
            <a:off x="0" y="11162"/>
            <a:ext cx="5578710" cy="31013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09490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34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73">
            <a:extLst>
              <a:ext uri="{FF2B5EF4-FFF2-40B4-BE49-F238E27FC236}">
                <a16:creationId xmlns:a16="http://schemas.microsoft.com/office/drawing/2014/main" id="{E36DD887-FA72-4604-3CB0-B5734C005CB1}"/>
              </a:ext>
            </a:extLst>
          </p:cNvPr>
          <p:cNvSpPr/>
          <p:nvPr userDrawn="1"/>
        </p:nvSpPr>
        <p:spPr>
          <a:xfrm>
            <a:off x="-1281" y="-5215"/>
            <a:ext cx="12193281" cy="1188720"/>
          </a:xfrm>
          <a:custGeom>
            <a:avLst/>
            <a:gdLst/>
            <a:ahLst/>
            <a:cxnLst/>
            <a:rect l="l" t="t" r="r" b="b"/>
            <a:pathLst>
              <a:path w="7668259" h="72390">
                <a:moveTo>
                  <a:pt x="7668006" y="0"/>
                </a:moveTo>
                <a:lnTo>
                  <a:pt x="0" y="0"/>
                </a:lnTo>
                <a:lnTo>
                  <a:pt x="0" y="71996"/>
                </a:lnTo>
                <a:lnTo>
                  <a:pt x="7668006" y="71996"/>
                </a:lnTo>
                <a:lnTo>
                  <a:pt x="7668006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txBody>
          <a:bodyPr wrap="square" lIns="0" tIns="0" rIns="0" bIns="0" rtlCol="0"/>
          <a:lstStyle/>
          <a:p>
            <a:endParaRPr sz="1093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23439171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lowchart: Data 9">
            <a:extLst>
              <a:ext uri="{FF2B5EF4-FFF2-40B4-BE49-F238E27FC236}">
                <a16:creationId xmlns:a16="http://schemas.microsoft.com/office/drawing/2014/main" id="{8A80BF77-BDCF-D46C-B6AD-91F60F122C50}"/>
              </a:ext>
            </a:extLst>
          </p:cNvPr>
          <p:cNvSpPr/>
          <p:nvPr userDrawn="1"/>
        </p:nvSpPr>
        <p:spPr>
          <a:xfrm>
            <a:off x="4495874" y="2854460"/>
            <a:ext cx="3200252" cy="917440"/>
          </a:xfrm>
          <a:custGeom>
            <a:avLst/>
            <a:gdLst>
              <a:gd name="connsiteX0" fmla="*/ 0 w 10000"/>
              <a:gd name="connsiteY0" fmla="*/ 10000 h 10000"/>
              <a:gd name="connsiteX1" fmla="*/ 2000 w 10000"/>
              <a:gd name="connsiteY1" fmla="*/ 0 h 10000"/>
              <a:gd name="connsiteX2" fmla="*/ 10000 w 10000"/>
              <a:gd name="connsiteY2" fmla="*/ 0 h 10000"/>
              <a:gd name="connsiteX3" fmla="*/ 8000 w 10000"/>
              <a:gd name="connsiteY3" fmla="*/ 10000 h 10000"/>
              <a:gd name="connsiteX4" fmla="*/ 0 w 10000"/>
              <a:gd name="connsiteY4" fmla="*/ 10000 h 10000"/>
              <a:gd name="connsiteX0" fmla="*/ 0 w 8479"/>
              <a:gd name="connsiteY0" fmla="*/ 9627 h 10000"/>
              <a:gd name="connsiteX1" fmla="*/ 479 w 8479"/>
              <a:gd name="connsiteY1" fmla="*/ 0 h 10000"/>
              <a:gd name="connsiteX2" fmla="*/ 8479 w 8479"/>
              <a:gd name="connsiteY2" fmla="*/ 0 h 10000"/>
              <a:gd name="connsiteX3" fmla="*/ 6479 w 8479"/>
              <a:gd name="connsiteY3" fmla="*/ 10000 h 10000"/>
              <a:gd name="connsiteX4" fmla="*/ 0 w 8479"/>
              <a:gd name="connsiteY4" fmla="*/ 9627 h 10000"/>
              <a:gd name="connsiteX0" fmla="*/ 0 w 8599"/>
              <a:gd name="connsiteY0" fmla="*/ 9751 h 10124"/>
              <a:gd name="connsiteX1" fmla="*/ 565 w 8599"/>
              <a:gd name="connsiteY1" fmla="*/ 124 h 10124"/>
              <a:gd name="connsiteX2" fmla="*/ 8599 w 8599"/>
              <a:gd name="connsiteY2" fmla="*/ 0 h 10124"/>
              <a:gd name="connsiteX3" fmla="*/ 7641 w 8599"/>
              <a:gd name="connsiteY3" fmla="*/ 10124 h 10124"/>
              <a:gd name="connsiteX4" fmla="*/ 0 w 8599"/>
              <a:gd name="connsiteY4" fmla="*/ 9751 h 10124"/>
              <a:gd name="connsiteX0" fmla="*/ 0 w 9943"/>
              <a:gd name="connsiteY0" fmla="*/ 9510 h 9878"/>
              <a:gd name="connsiteX1" fmla="*/ 657 w 9943"/>
              <a:gd name="connsiteY1" fmla="*/ 0 h 9878"/>
              <a:gd name="connsiteX2" fmla="*/ 9943 w 9943"/>
              <a:gd name="connsiteY2" fmla="*/ 369 h 9878"/>
              <a:gd name="connsiteX3" fmla="*/ 8886 w 9943"/>
              <a:gd name="connsiteY3" fmla="*/ 9878 h 9878"/>
              <a:gd name="connsiteX4" fmla="*/ 0 w 9943"/>
              <a:gd name="connsiteY4" fmla="*/ 9510 h 9878"/>
              <a:gd name="connsiteX0" fmla="*/ 0 w 10057"/>
              <a:gd name="connsiteY0" fmla="*/ 9627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9627 h 10000"/>
              <a:gd name="connsiteX0" fmla="*/ 0 w 10057"/>
              <a:gd name="connsiteY0" fmla="*/ 10000 h 10000"/>
              <a:gd name="connsiteX1" fmla="*/ 661 w 10057"/>
              <a:gd name="connsiteY1" fmla="*/ 0 h 10000"/>
              <a:gd name="connsiteX2" fmla="*/ 10057 w 10057"/>
              <a:gd name="connsiteY2" fmla="*/ 125 h 10000"/>
              <a:gd name="connsiteX3" fmla="*/ 8937 w 10057"/>
              <a:gd name="connsiteY3" fmla="*/ 10000 h 10000"/>
              <a:gd name="connsiteX4" fmla="*/ 0 w 10057"/>
              <a:gd name="connsiteY4" fmla="*/ 10000 h 10000"/>
              <a:gd name="connsiteX0" fmla="*/ 0 w 10057"/>
              <a:gd name="connsiteY0" fmla="*/ 9875 h 9875"/>
              <a:gd name="connsiteX1" fmla="*/ 747 w 10057"/>
              <a:gd name="connsiteY1" fmla="*/ 124 h 9875"/>
              <a:gd name="connsiteX2" fmla="*/ 10057 w 10057"/>
              <a:gd name="connsiteY2" fmla="*/ 0 h 9875"/>
              <a:gd name="connsiteX3" fmla="*/ 8937 w 10057"/>
              <a:gd name="connsiteY3" fmla="*/ 9875 h 9875"/>
              <a:gd name="connsiteX4" fmla="*/ 0 w 10057"/>
              <a:gd name="connsiteY4" fmla="*/ 9875 h 987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57" h="9875">
                <a:moveTo>
                  <a:pt x="0" y="9875"/>
                </a:moveTo>
                <a:cubicBezTo>
                  <a:pt x="221" y="6666"/>
                  <a:pt x="526" y="3333"/>
                  <a:pt x="747" y="124"/>
                </a:cubicBezTo>
                <a:lnTo>
                  <a:pt x="10057" y="0"/>
                </a:lnTo>
                <a:lnTo>
                  <a:pt x="8937" y="9875"/>
                </a:lnTo>
                <a:lnTo>
                  <a:pt x="0" y="9875"/>
                </a:lnTo>
                <a:close/>
              </a:path>
            </a:pathLst>
          </a:custGeom>
          <a:solidFill>
            <a:srgbClr val="00803B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400" b="1" dirty="0">
                <a:solidFill>
                  <a:schemeClr val="bg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e end</a:t>
            </a:r>
            <a:endParaRPr lang="en-HK" sz="4400" b="1" dirty="0">
              <a:solidFill>
                <a:schemeClr val="bg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0375968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69.xml><?xml version="1.0" encoding="utf-8"?>
<p:sldLayout xmlns:a="http://schemas.openxmlformats.org/drawingml/2006/main" xmlns:r="http://schemas.openxmlformats.org/officeDocument/2006/relationships" xmlns:p="http://schemas.openxmlformats.org/presentationml/2006/main" type="obj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D7EE4CF-DA96-E904-B8B2-17184D72C37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HK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83729DF-4CB9-4952-D8DA-11BCE044E695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HK"/>
          </a:p>
        </p:txBody>
      </p:sp>
    </p:spTree>
    <p:extLst>
      <p:ext uri="{BB962C8B-B14F-4D97-AF65-F5344CB8AC3E}">
        <p14:creationId xmlns:p14="http://schemas.microsoft.com/office/powerpoint/2010/main" val="61130050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04A179C8-90DD-8110-B287-32C25B600F5F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152D9862-610B-1476-0660-8344F74AB76F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B21012C9-7BD9-1459-82E2-1AFBEC7B12C3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2CDB1F39-4BBA-F31E-2FB2-A566ED91A2AB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E4C6F9BE-26E7-3CC9-DD60-1AFFCD56638C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B313ABED-AA4D-5419-1653-2EB57625A57A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37315294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 G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lowchart: Document 3">
            <a:extLst>
              <a:ext uri="{FF2B5EF4-FFF2-40B4-BE49-F238E27FC236}">
                <a16:creationId xmlns:a16="http://schemas.microsoft.com/office/drawing/2014/main" id="{F5CF3120-0952-5EAB-D072-A68D38DF0D20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AB96"/>
          </a:solidFill>
          <a:ln w="228600" cmpd="sng">
            <a:solidFill>
              <a:srgbClr val="69C1B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1C01ECC0-FBB7-1F33-6BBF-59CEA6B90973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AB96"/>
          </a:solidFill>
          <a:ln w="69850" cmpd="sng">
            <a:solidFill>
              <a:srgbClr val="69C1B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1FE04491-19A9-0414-C211-2AF63EBD3F3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61779" y="5638800"/>
            <a:ext cx="972000" cy="820519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5D54B7CA-EE07-4B4E-90A8-409C943DC1CB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98936" y="53238"/>
            <a:ext cx="3240000" cy="1594154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42B73AF3-681E-7FF0-C8C5-B4D056329B8E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610B4DBD-4390-C8C0-2D5C-BF0C414315DE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8" name="Graphic 7">
              <a:extLst>
                <a:ext uri="{FF2B5EF4-FFF2-40B4-BE49-F238E27FC236}">
                  <a16:creationId xmlns:a16="http://schemas.microsoft.com/office/drawing/2014/main" id="{2304FCC7-9751-6ABE-B3E8-CCEC89C8262B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9" name="Rectangle: Rounded Corners 8">
              <a:extLst>
                <a:ext uri="{FF2B5EF4-FFF2-40B4-BE49-F238E27FC236}">
                  <a16:creationId xmlns:a16="http://schemas.microsoft.com/office/drawing/2014/main" id="{7C56C1AF-FDE5-F43B-A43F-0C6334A6C5EF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F276931A-9CBB-E4A3-2681-FDFB91325909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804935B3-C4A8-2632-A379-5E9B3F27A72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>
              <a:alphaModFix/>
            </a:blip>
            <a:stretch>
              <a:fillRect/>
            </a:stretch>
          </p:blipFill>
          <p:spPr>
            <a:xfrm>
              <a:off x="3541620" y="2674133"/>
              <a:ext cx="2448648" cy="489272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85598459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G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lowchart: Document 5">
            <a:extLst>
              <a:ext uri="{FF2B5EF4-FFF2-40B4-BE49-F238E27FC236}">
                <a16:creationId xmlns:a16="http://schemas.microsoft.com/office/drawing/2014/main" id="{AC1C6B37-500A-AAE3-0C49-C73CCC356EDA}"/>
              </a:ext>
            </a:extLst>
          </p:cNvPr>
          <p:cNvSpPr/>
          <p:nvPr userDrawn="1"/>
        </p:nvSpPr>
        <p:spPr>
          <a:xfrm>
            <a:off x="-404652" y="-452674"/>
            <a:ext cx="13001297" cy="2110547"/>
          </a:xfrm>
          <a:prstGeom prst="flowChartDocument">
            <a:avLst/>
          </a:prstGeom>
          <a:solidFill>
            <a:srgbClr val="009CD8"/>
          </a:solidFill>
          <a:ln w="228600" cmpd="sng">
            <a:solidFill>
              <a:srgbClr val="4FB1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D7941964-D428-9BD1-9C6F-882033EDD3F0}"/>
              </a:ext>
            </a:extLst>
          </p:cNvPr>
          <p:cNvSpPr>
            <a:spLocks noChangeAspect="1"/>
          </p:cNvSpPr>
          <p:nvPr userDrawn="1"/>
        </p:nvSpPr>
        <p:spPr>
          <a:xfrm>
            <a:off x="10906055" y="5543550"/>
            <a:ext cx="1082620" cy="1082702"/>
          </a:xfrm>
          <a:prstGeom prst="ellipse">
            <a:avLst/>
          </a:prstGeom>
          <a:solidFill>
            <a:srgbClr val="009CD8"/>
          </a:solidFill>
          <a:ln w="69850" cmpd="sng">
            <a:solidFill>
              <a:srgbClr val="4FB1E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4FBC636-0C1F-3A17-7F46-17CBB1F5FFAC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77211" y="80015"/>
            <a:ext cx="3312000" cy="1600626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09031C3-8B0C-8C14-2C7A-FEB5BDF2D4B1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10976626" y="5694103"/>
            <a:ext cx="909103" cy="7920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B56D2775-D4B1-4B98-29AC-377B395CB856}"/>
              </a:ext>
            </a:extLst>
          </p:cNvPr>
          <p:cNvGrpSpPr/>
          <p:nvPr userDrawn="1"/>
        </p:nvGrpSpPr>
        <p:grpSpPr>
          <a:xfrm>
            <a:off x="3158571" y="2651574"/>
            <a:ext cx="5874858" cy="2665600"/>
            <a:chOff x="3158571" y="2651574"/>
            <a:chExt cx="5874858" cy="26656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3" name="Rectangle: Rounded Corners 2">
              <a:extLst>
                <a:ext uri="{FF2B5EF4-FFF2-40B4-BE49-F238E27FC236}">
                  <a16:creationId xmlns:a16="http://schemas.microsoft.com/office/drawing/2014/main" id="{56B4DC73-9474-023C-8389-AD3444A0BF0C}"/>
                </a:ext>
              </a:extLst>
            </p:cNvPr>
            <p:cNvSpPr/>
            <p:nvPr userDrawn="1"/>
          </p:nvSpPr>
          <p:spPr>
            <a:xfrm>
              <a:off x="3158571" y="2651574"/>
              <a:ext cx="5874858" cy="2665600"/>
            </a:xfrm>
            <a:prstGeom prst="roundRect">
              <a:avLst>
                <a:gd name="adj" fmla="val 8699"/>
              </a:avLst>
            </a:prstGeom>
            <a:gradFill>
              <a:gsLst>
                <a:gs pos="0">
                  <a:schemeClr val="accent6">
                    <a:lumMod val="5000"/>
                    <a:lumOff val="95000"/>
                  </a:schemeClr>
                </a:gs>
                <a:gs pos="100000">
                  <a:schemeClr val="bg1">
                    <a:lumMod val="95000"/>
                  </a:schemeClr>
                </a:gs>
              </a:gsLst>
              <a:path path="circle">
                <a:fillToRect l="50000" t="50000" r="50000" b="50000"/>
              </a:path>
            </a:gradFill>
            <a:ln>
              <a:noFill/>
            </a:ln>
            <a:effectLst/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4" name="Graphic 3">
              <a:extLst>
                <a:ext uri="{FF2B5EF4-FFF2-40B4-BE49-F238E27FC236}">
                  <a16:creationId xmlns:a16="http://schemas.microsoft.com/office/drawing/2014/main" id="{BDF30CAF-169E-977B-6ED7-AC3B35CD9FE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3939152" y="2651574"/>
              <a:ext cx="2375542" cy="584234"/>
            </a:xfrm>
            <a:prstGeom prst="rect">
              <a:avLst/>
            </a:prstGeom>
            <a:effectLst/>
          </p:spPr>
        </p:pic>
        <p:sp>
          <p:nvSpPr>
            <p:cNvPr id="5" name="Rectangle: Rounded Corners 4">
              <a:extLst>
                <a:ext uri="{FF2B5EF4-FFF2-40B4-BE49-F238E27FC236}">
                  <a16:creationId xmlns:a16="http://schemas.microsoft.com/office/drawing/2014/main" id="{6F8FB199-0405-487F-D471-27B65D8A79DC}"/>
                </a:ext>
              </a:extLst>
            </p:cNvPr>
            <p:cNvSpPr/>
            <p:nvPr userDrawn="1"/>
          </p:nvSpPr>
          <p:spPr>
            <a:xfrm>
              <a:off x="3158571" y="2651574"/>
              <a:ext cx="1554496" cy="582655"/>
            </a:xfrm>
            <a:prstGeom prst="roundRect">
              <a:avLst>
                <a:gd name="adj" fmla="val 37869"/>
              </a:avLst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6EC39DE7-B50C-D9B6-0411-FBA76BFE7D57}"/>
                </a:ext>
              </a:extLst>
            </p:cNvPr>
            <p:cNvSpPr/>
            <p:nvPr userDrawn="1"/>
          </p:nvSpPr>
          <p:spPr>
            <a:xfrm>
              <a:off x="3158571" y="2927126"/>
              <a:ext cx="968934" cy="308682"/>
            </a:xfrm>
            <a:prstGeom prst="rect">
              <a:avLst/>
            </a:prstGeom>
            <a:solidFill>
              <a:srgbClr val="0066B3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188617FF-99D5-AA1A-C9D0-09FC884F453A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6"/>
            <a:srcRect t="10719"/>
            <a:stretch/>
          </p:blipFill>
          <p:spPr>
            <a:xfrm>
              <a:off x="3505807" y="2712719"/>
              <a:ext cx="2376000" cy="48504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61899778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21" Type="http://schemas.openxmlformats.org/officeDocument/2006/relationships/slideLayout" Target="../slideLayouts/slideLayout21.xml"/><Relationship Id="rId34" Type="http://schemas.openxmlformats.org/officeDocument/2006/relationships/slideLayout" Target="../slideLayouts/slideLayout34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33" Type="http://schemas.openxmlformats.org/officeDocument/2006/relationships/slideLayout" Target="../slideLayouts/slideLayout33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slideLayout" Target="../slideLayouts/slideLayout29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32" Type="http://schemas.openxmlformats.org/officeDocument/2006/relationships/slideLayout" Target="../slideLayouts/slideLayout32.xml"/><Relationship Id="rId37" Type="http://schemas.openxmlformats.org/officeDocument/2006/relationships/image" Target="../media/image1.pn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36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slideLayout" Target="../slideLayouts/slideLayout3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slideLayout" Target="../slideLayouts/slideLayout30.xml"/><Relationship Id="rId35" Type="http://schemas.openxmlformats.org/officeDocument/2006/relationships/slideLayout" Target="../slideLayouts/slideLayout35.xml"/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/Relationships>
</file>

<file path=ppt/slideMasters/_rels/slideMaster2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48.xml"/><Relationship Id="rId18" Type="http://schemas.openxmlformats.org/officeDocument/2006/relationships/slideLayout" Target="../slideLayouts/slideLayout53.xml"/><Relationship Id="rId26" Type="http://schemas.openxmlformats.org/officeDocument/2006/relationships/slideLayout" Target="../slideLayouts/slideLayout61.xml"/><Relationship Id="rId3" Type="http://schemas.openxmlformats.org/officeDocument/2006/relationships/slideLayout" Target="../slideLayouts/slideLayout38.xml"/><Relationship Id="rId21" Type="http://schemas.openxmlformats.org/officeDocument/2006/relationships/slideLayout" Target="../slideLayouts/slideLayout56.xml"/><Relationship Id="rId34" Type="http://schemas.openxmlformats.org/officeDocument/2006/relationships/slideLayout" Target="../slideLayouts/slideLayout69.xml"/><Relationship Id="rId7" Type="http://schemas.openxmlformats.org/officeDocument/2006/relationships/slideLayout" Target="../slideLayouts/slideLayout42.xml"/><Relationship Id="rId12" Type="http://schemas.openxmlformats.org/officeDocument/2006/relationships/slideLayout" Target="../slideLayouts/slideLayout47.xml"/><Relationship Id="rId17" Type="http://schemas.openxmlformats.org/officeDocument/2006/relationships/slideLayout" Target="../slideLayouts/slideLayout52.xml"/><Relationship Id="rId25" Type="http://schemas.openxmlformats.org/officeDocument/2006/relationships/slideLayout" Target="../slideLayouts/slideLayout60.xml"/><Relationship Id="rId33" Type="http://schemas.openxmlformats.org/officeDocument/2006/relationships/slideLayout" Target="../slideLayouts/slideLayout68.xml"/><Relationship Id="rId2" Type="http://schemas.openxmlformats.org/officeDocument/2006/relationships/slideLayout" Target="../slideLayouts/slideLayout37.xml"/><Relationship Id="rId16" Type="http://schemas.openxmlformats.org/officeDocument/2006/relationships/slideLayout" Target="../slideLayouts/slideLayout51.xml"/><Relationship Id="rId20" Type="http://schemas.openxmlformats.org/officeDocument/2006/relationships/slideLayout" Target="../slideLayouts/slideLayout55.xml"/><Relationship Id="rId29" Type="http://schemas.openxmlformats.org/officeDocument/2006/relationships/slideLayout" Target="../slideLayouts/slideLayout64.xml"/><Relationship Id="rId1" Type="http://schemas.openxmlformats.org/officeDocument/2006/relationships/slideLayout" Target="../slideLayouts/slideLayout36.xml"/><Relationship Id="rId6" Type="http://schemas.openxmlformats.org/officeDocument/2006/relationships/slideLayout" Target="../slideLayouts/slideLayout41.xml"/><Relationship Id="rId11" Type="http://schemas.openxmlformats.org/officeDocument/2006/relationships/slideLayout" Target="../slideLayouts/slideLayout46.xml"/><Relationship Id="rId24" Type="http://schemas.openxmlformats.org/officeDocument/2006/relationships/slideLayout" Target="../slideLayouts/slideLayout59.xml"/><Relationship Id="rId32" Type="http://schemas.openxmlformats.org/officeDocument/2006/relationships/slideLayout" Target="../slideLayouts/slideLayout67.xml"/><Relationship Id="rId5" Type="http://schemas.openxmlformats.org/officeDocument/2006/relationships/slideLayout" Target="../slideLayouts/slideLayout40.xml"/><Relationship Id="rId15" Type="http://schemas.openxmlformats.org/officeDocument/2006/relationships/slideLayout" Target="../slideLayouts/slideLayout50.xml"/><Relationship Id="rId23" Type="http://schemas.openxmlformats.org/officeDocument/2006/relationships/slideLayout" Target="../slideLayouts/slideLayout58.xml"/><Relationship Id="rId28" Type="http://schemas.openxmlformats.org/officeDocument/2006/relationships/slideLayout" Target="../slideLayouts/slideLayout63.xml"/><Relationship Id="rId36" Type="http://schemas.openxmlformats.org/officeDocument/2006/relationships/image" Target="../media/image1.png"/><Relationship Id="rId10" Type="http://schemas.openxmlformats.org/officeDocument/2006/relationships/slideLayout" Target="../slideLayouts/slideLayout45.xml"/><Relationship Id="rId19" Type="http://schemas.openxmlformats.org/officeDocument/2006/relationships/slideLayout" Target="../slideLayouts/slideLayout54.xml"/><Relationship Id="rId31" Type="http://schemas.openxmlformats.org/officeDocument/2006/relationships/slideLayout" Target="../slideLayouts/slideLayout66.xml"/><Relationship Id="rId4" Type="http://schemas.openxmlformats.org/officeDocument/2006/relationships/slideLayout" Target="../slideLayouts/slideLayout39.xml"/><Relationship Id="rId9" Type="http://schemas.openxmlformats.org/officeDocument/2006/relationships/slideLayout" Target="../slideLayouts/slideLayout44.xml"/><Relationship Id="rId14" Type="http://schemas.openxmlformats.org/officeDocument/2006/relationships/slideLayout" Target="../slideLayouts/slideLayout49.xml"/><Relationship Id="rId22" Type="http://schemas.openxmlformats.org/officeDocument/2006/relationships/slideLayout" Target="../slideLayouts/slideLayout57.xml"/><Relationship Id="rId27" Type="http://schemas.openxmlformats.org/officeDocument/2006/relationships/slideLayout" Target="../slideLayouts/slideLayout62.xml"/><Relationship Id="rId30" Type="http://schemas.openxmlformats.org/officeDocument/2006/relationships/slideLayout" Target="../slideLayouts/slideLayout65.xml"/><Relationship Id="rId35" Type="http://schemas.openxmlformats.org/officeDocument/2006/relationships/theme" Target="../theme/theme2.xml"/><Relationship Id="rId8" Type="http://schemas.openxmlformats.org/officeDocument/2006/relationships/slideLayout" Target="../slideLayouts/slideLayout4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298F267-330C-4E82-9850-3AC3CB091DC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5AB4268-E043-49F1-890F-68810CA163A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B9A9E34-66CC-4BDC-A374-DAB4617B297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B3C6E9-61C6-4137-B436-54E404246A35}" type="datetimeFigureOut">
              <a:rPr lang="en-US" smtClean="0"/>
              <a:t>8/29/20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39D6B1A-973B-40F8-AE99-B478D66D6C22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83A01C9-8564-4B1E-B525-8204BC565EF5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705E12-D5CE-428E-A160-E60AB147761D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BD69193D-F3F3-B077-4A28-12906C1AD9EC}"/>
              </a:ext>
            </a:extLst>
          </p:cNvPr>
          <p:cNvPicPr>
            <a:picLocks noChangeAspect="1"/>
          </p:cNvPicPr>
          <p:nvPr userDrawn="1"/>
        </p:nvPicPr>
        <p:blipFill>
          <a:blip r:embed="rId3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2049748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0" r:id="rId1"/>
    <p:sldLayoutId id="2147483701" r:id="rId2"/>
    <p:sldLayoutId id="2147483702" r:id="rId3"/>
    <p:sldLayoutId id="2147483703" r:id="rId4"/>
    <p:sldLayoutId id="2147483704" r:id="rId5"/>
    <p:sldLayoutId id="2147483705" r:id="rId6"/>
    <p:sldLayoutId id="2147483706" r:id="rId7"/>
    <p:sldLayoutId id="2147483707" r:id="rId8"/>
    <p:sldLayoutId id="2147483708" r:id="rId9"/>
    <p:sldLayoutId id="2147483709" r:id="rId10"/>
    <p:sldLayoutId id="2147483710" r:id="rId11"/>
    <p:sldLayoutId id="2147483711" r:id="rId12"/>
    <p:sldLayoutId id="2147483712" r:id="rId13"/>
    <p:sldLayoutId id="2147483713" r:id="rId14"/>
    <p:sldLayoutId id="2147483714" r:id="rId15"/>
    <p:sldLayoutId id="2147483715" r:id="rId16"/>
    <p:sldLayoutId id="2147483716" r:id="rId17"/>
    <p:sldLayoutId id="2147483717" r:id="rId18"/>
    <p:sldLayoutId id="2147483718" r:id="rId19"/>
    <p:sldLayoutId id="2147483719" r:id="rId20"/>
    <p:sldLayoutId id="2147483720" r:id="rId21"/>
    <p:sldLayoutId id="2147483721" r:id="rId22"/>
    <p:sldLayoutId id="2147483722" r:id="rId23"/>
    <p:sldLayoutId id="2147483723" r:id="rId24"/>
    <p:sldLayoutId id="2147483724" r:id="rId25"/>
    <p:sldLayoutId id="2147483725" r:id="rId26"/>
    <p:sldLayoutId id="2147483726" r:id="rId27"/>
    <p:sldLayoutId id="2147483727" r:id="rId28"/>
    <p:sldLayoutId id="2147483728" r:id="rId29"/>
    <p:sldLayoutId id="2147483729" r:id="rId30"/>
    <p:sldLayoutId id="2147483730" r:id="rId31"/>
    <p:sldLayoutId id="2147483731" r:id="rId32"/>
    <p:sldLayoutId id="2147483732" r:id="rId33"/>
    <p:sldLayoutId id="2147483733" r:id="rId34"/>
    <p:sldLayoutId id="2147483734" r:id="rId35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205EABDA-AD1C-4DB8-D131-EB1A5636B24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HK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1BA5CFD-65EC-CA2B-E07F-BC261A6EA33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HK" dirty="0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09543B0-16B6-855C-6A89-9775277A402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  <a:latin typeface="Calibri" panose="020F0502020204030204" pitchFamily="34" charset="0"/>
              </a:defRPr>
            </a:lvl1pPr>
          </a:lstStyle>
          <a:p>
            <a:fld id="{578CC24D-91B2-4E65-A086-1353CF621295}" type="datetimeFigureOut">
              <a:rPr lang="en-HK" smtClean="0"/>
              <a:pPr/>
              <a:t>29/8/2025</a:t>
            </a:fld>
            <a:endParaRPr lang="en-HK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BF0A90E-23E3-0B6F-2C3D-3AD93E1006C9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  <a:latin typeface="Calibri" panose="020F0502020204030204" pitchFamily="34" charset="0"/>
              </a:defRPr>
            </a:lvl1pPr>
          </a:lstStyle>
          <a:p>
            <a:endParaRPr lang="en-HK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6228962-FA93-A1D1-0E03-16334ADB5CAF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  <a:latin typeface="Calibri" panose="020F0502020204030204" pitchFamily="34" charset="0"/>
              </a:defRPr>
            </a:lvl1pPr>
          </a:lstStyle>
          <a:p>
            <a:fld id="{4FC7ED19-E071-422C-B089-65AD9DBFCD4D}" type="slidenum">
              <a:rPr lang="en-HK" smtClean="0"/>
              <a:pPr/>
              <a:t>‹#›</a:t>
            </a:fld>
            <a:endParaRPr lang="en-HK" dirty="0"/>
          </a:p>
        </p:txBody>
      </p:sp>
      <p:pic>
        <p:nvPicPr>
          <p:cNvPr id="7" name="New Pearson" descr="A blue text on a black background&#10;&#10;AI-generated content may be incorrect.">
            <a:extLst>
              <a:ext uri="{FF2B5EF4-FFF2-40B4-BE49-F238E27FC236}">
                <a16:creationId xmlns:a16="http://schemas.microsoft.com/office/drawing/2014/main" id="{80C1BA5C-D4F6-A3B3-0925-9BACD8754F59}"/>
              </a:ext>
            </a:extLst>
          </p:cNvPr>
          <p:cNvPicPr>
            <a:picLocks noChangeAspect="1"/>
          </p:cNvPicPr>
          <p:nvPr userDrawn="1"/>
        </p:nvPicPr>
        <p:blipFill>
          <a:blip r:embed="rId3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161490"/>
            <a:ext cx="1596876" cy="59135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084586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5" r:id="rId1"/>
    <p:sldLayoutId id="2147483667" r:id="rId2"/>
    <p:sldLayoutId id="2147483655" r:id="rId3"/>
    <p:sldLayoutId id="2147483661" r:id="rId4"/>
    <p:sldLayoutId id="2147483668" r:id="rId5"/>
    <p:sldLayoutId id="2147483666" r:id="rId6"/>
    <p:sldLayoutId id="2147483670" r:id="rId7"/>
    <p:sldLayoutId id="2147483671" r:id="rId8"/>
    <p:sldLayoutId id="2147483678" r:id="rId9"/>
    <p:sldLayoutId id="2147483679" r:id="rId10"/>
    <p:sldLayoutId id="2147483696" r:id="rId11"/>
    <p:sldLayoutId id="2147483672" r:id="rId12"/>
    <p:sldLayoutId id="2147483673" r:id="rId13"/>
    <p:sldLayoutId id="2147483680" r:id="rId14"/>
    <p:sldLayoutId id="2147483681" r:id="rId15"/>
    <p:sldLayoutId id="2147483674" r:id="rId16"/>
    <p:sldLayoutId id="2147483675" r:id="rId17"/>
    <p:sldLayoutId id="2147483682" r:id="rId18"/>
    <p:sldLayoutId id="2147483683" r:id="rId19"/>
    <p:sldLayoutId id="2147483676" r:id="rId20"/>
    <p:sldLayoutId id="2147483686" r:id="rId21"/>
    <p:sldLayoutId id="2147483684" r:id="rId22"/>
    <p:sldLayoutId id="2147483697" r:id="rId23"/>
    <p:sldLayoutId id="2147483698" r:id="rId24"/>
    <p:sldLayoutId id="2147483685" r:id="rId25"/>
    <p:sldLayoutId id="2147483687" r:id="rId26"/>
    <p:sldLayoutId id="2147483688" r:id="rId27"/>
    <p:sldLayoutId id="2147483689" r:id="rId28"/>
    <p:sldLayoutId id="2147483690" r:id="rId29"/>
    <p:sldLayoutId id="2147483691" r:id="rId30"/>
    <p:sldLayoutId id="2147483694" r:id="rId31"/>
    <p:sldLayoutId id="2147483695" r:id="rId32"/>
    <p:sldLayoutId id="2147483662" r:id="rId33"/>
    <p:sldLayoutId id="2147483735" r:id="rId3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Calibri" panose="020F050202020403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7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69.xml"/><Relationship Id="rId1" Type="http://schemas.openxmlformats.org/officeDocument/2006/relationships/tags" Target="../tags/tag1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50.xml"/><Relationship Id="rId1" Type="http://schemas.openxmlformats.org/officeDocument/2006/relationships/tags" Target="../tags/tag3.xml"/><Relationship Id="rId4" Type="http://schemas.openxmlformats.org/officeDocument/2006/relationships/image" Target="../media/image33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audio" Target="NULL" TargetMode="External"/><Relationship Id="rId13" Type="http://schemas.openxmlformats.org/officeDocument/2006/relationships/audio" Target="../media/media6.mp3"/><Relationship Id="rId18" Type="http://schemas.openxmlformats.org/officeDocument/2006/relationships/image" Target="../media/image34.png"/><Relationship Id="rId26" Type="http://schemas.microsoft.com/office/2007/relationships/hdphoto" Target="../media/hdphoto2.wdp"/><Relationship Id="rId3" Type="http://schemas.openxmlformats.org/officeDocument/2006/relationships/audio" Target="../media/media1.mp3"/><Relationship Id="rId21" Type="http://schemas.openxmlformats.org/officeDocument/2006/relationships/image" Target="../media/image37.svg"/><Relationship Id="rId7" Type="http://schemas.openxmlformats.org/officeDocument/2006/relationships/audio" Target="../media/media3.mp3"/><Relationship Id="rId12" Type="http://schemas.microsoft.com/office/2007/relationships/media" Target="../media/media6.mp3"/><Relationship Id="rId17" Type="http://schemas.openxmlformats.org/officeDocument/2006/relationships/notesSlide" Target="../notesSlides/notesSlide3.xml"/><Relationship Id="rId25" Type="http://schemas.openxmlformats.org/officeDocument/2006/relationships/image" Target="../media/image41.png"/><Relationship Id="rId2" Type="http://schemas.microsoft.com/office/2007/relationships/media" Target="../media/media1.mp3"/><Relationship Id="rId16" Type="http://schemas.openxmlformats.org/officeDocument/2006/relationships/slideLayout" Target="../slideLayouts/slideLayout50.xml"/><Relationship Id="rId20" Type="http://schemas.openxmlformats.org/officeDocument/2006/relationships/image" Target="../media/image36.png"/><Relationship Id="rId1" Type="http://schemas.openxmlformats.org/officeDocument/2006/relationships/tags" Target="../tags/tag4.xml"/><Relationship Id="rId6" Type="http://schemas.microsoft.com/office/2007/relationships/media" Target="../media/media3.mp3"/><Relationship Id="rId11" Type="http://schemas.openxmlformats.org/officeDocument/2006/relationships/audio" Target="../media/media5.mp3"/><Relationship Id="rId24" Type="http://schemas.openxmlformats.org/officeDocument/2006/relationships/image" Target="../media/image40.png"/><Relationship Id="rId5" Type="http://schemas.openxmlformats.org/officeDocument/2006/relationships/audio" Target="../media/media2.mp3"/><Relationship Id="rId15" Type="http://schemas.openxmlformats.org/officeDocument/2006/relationships/audio" Target="../media/media7.mp3"/><Relationship Id="rId23" Type="http://schemas.openxmlformats.org/officeDocument/2006/relationships/image" Target="../media/image39.png"/><Relationship Id="rId28" Type="http://schemas.microsoft.com/office/2007/relationships/hdphoto" Target="../media/hdphoto3.wdp"/><Relationship Id="rId10" Type="http://schemas.microsoft.com/office/2007/relationships/media" Target="../media/media5.mp3"/><Relationship Id="rId19" Type="http://schemas.openxmlformats.org/officeDocument/2006/relationships/image" Target="../media/image35.png"/><Relationship Id="rId4" Type="http://schemas.microsoft.com/office/2007/relationships/media" Target="../media/media2.mp3"/><Relationship Id="rId9" Type="http://schemas.microsoft.com/office/2007/relationships/media" Target="../media/media4.mp3"/><Relationship Id="rId14" Type="http://schemas.microsoft.com/office/2007/relationships/media" Target="../media/media7.mp3"/><Relationship Id="rId22" Type="http://schemas.openxmlformats.org/officeDocument/2006/relationships/image" Target="../media/image38.png"/><Relationship Id="rId27" Type="http://schemas.openxmlformats.org/officeDocument/2006/relationships/image" Target="../media/image42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7.xml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44.svg"/><Relationship Id="rId2" Type="http://schemas.openxmlformats.org/officeDocument/2006/relationships/slideLayout" Target="../slideLayouts/slideLayout50.xml"/><Relationship Id="rId1" Type="http://schemas.openxmlformats.org/officeDocument/2006/relationships/tags" Target="../tags/tag5.xml"/><Relationship Id="rId6" Type="http://schemas.openxmlformats.org/officeDocument/2006/relationships/image" Target="../media/image43.png"/><Relationship Id="rId5" Type="http://schemas.openxmlformats.org/officeDocument/2006/relationships/slide" Target="slide6.xml"/><Relationship Id="rId10" Type="http://schemas.openxmlformats.org/officeDocument/2006/relationships/slide" Target="slide5.xml"/><Relationship Id="rId4" Type="http://schemas.openxmlformats.org/officeDocument/2006/relationships/image" Target="../media/image33.png"/><Relationship Id="rId9" Type="http://schemas.openxmlformats.org/officeDocument/2006/relationships/slide" Target="slide8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audio" Target="NULL" TargetMode="External"/><Relationship Id="rId13" Type="http://schemas.openxmlformats.org/officeDocument/2006/relationships/audio" Target="../media/media6.mp3"/><Relationship Id="rId18" Type="http://schemas.openxmlformats.org/officeDocument/2006/relationships/slide" Target="slide4.xml"/><Relationship Id="rId26" Type="http://schemas.openxmlformats.org/officeDocument/2006/relationships/image" Target="../media/image40.png"/><Relationship Id="rId3" Type="http://schemas.openxmlformats.org/officeDocument/2006/relationships/audio" Target="../media/media1.mp3"/><Relationship Id="rId21" Type="http://schemas.openxmlformats.org/officeDocument/2006/relationships/image" Target="../media/image35.png"/><Relationship Id="rId7" Type="http://schemas.openxmlformats.org/officeDocument/2006/relationships/audio" Target="../media/media3.mp3"/><Relationship Id="rId12" Type="http://schemas.microsoft.com/office/2007/relationships/media" Target="../media/media6.mp3"/><Relationship Id="rId17" Type="http://schemas.openxmlformats.org/officeDocument/2006/relationships/notesSlide" Target="../notesSlides/notesSlide5.xml"/><Relationship Id="rId25" Type="http://schemas.openxmlformats.org/officeDocument/2006/relationships/image" Target="../media/image39.png"/><Relationship Id="rId2" Type="http://schemas.microsoft.com/office/2007/relationships/media" Target="../media/media1.mp3"/><Relationship Id="rId16" Type="http://schemas.openxmlformats.org/officeDocument/2006/relationships/slideLayout" Target="../slideLayouts/slideLayout50.xml"/><Relationship Id="rId20" Type="http://schemas.openxmlformats.org/officeDocument/2006/relationships/image" Target="../media/image34.png"/><Relationship Id="rId29" Type="http://schemas.openxmlformats.org/officeDocument/2006/relationships/image" Target="../media/image42.png"/><Relationship Id="rId1" Type="http://schemas.openxmlformats.org/officeDocument/2006/relationships/tags" Target="../tags/tag6.xml"/><Relationship Id="rId6" Type="http://schemas.microsoft.com/office/2007/relationships/media" Target="../media/media3.mp3"/><Relationship Id="rId11" Type="http://schemas.openxmlformats.org/officeDocument/2006/relationships/audio" Target="../media/media5.mp3"/><Relationship Id="rId24" Type="http://schemas.openxmlformats.org/officeDocument/2006/relationships/image" Target="../media/image38.png"/><Relationship Id="rId5" Type="http://schemas.openxmlformats.org/officeDocument/2006/relationships/audio" Target="../media/media2.mp3"/><Relationship Id="rId15" Type="http://schemas.openxmlformats.org/officeDocument/2006/relationships/audio" Target="../media/media7.mp3"/><Relationship Id="rId23" Type="http://schemas.openxmlformats.org/officeDocument/2006/relationships/image" Target="../media/image37.svg"/><Relationship Id="rId28" Type="http://schemas.microsoft.com/office/2007/relationships/hdphoto" Target="../media/hdphoto2.wdp"/><Relationship Id="rId10" Type="http://schemas.microsoft.com/office/2007/relationships/media" Target="../media/media5.mp3"/><Relationship Id="rId19" Type="http://schemas.openxmlformats.org/officeDocument/2006/relationships/image" Target="../media/image45.png"/><Relationship Id="rId4" Type="http://schemas.microsoft.com/office/2007/relationships/media" Target="../media/media2.mp3"/><Relationship Id="rId9" Type="http://schemas.microsoft.com/office/2007/relationships/media" Target="../media/media4.mp3"/><Relationship Id="rId14" Type="http://schemas.microsoft.com/office/2007/relationships/media" Target="../media/media7.mp3"/><Relationship Id="rId22" Type="http://schemas.openxmlformats.org/officeDocument/2006/relationships/image" Target="../media/image36.png"/><Relationship Id="rId27" Type="http://schemas.openxmlformats.org/officeDocument/2006/relationships/image" Target="../media/image41.png"/><Relationship Id="rId30" Type="http://schemas.microsoft.com/office/2007/relationships/hdphoto" Target="../media/hdphoto3.wdp"/></Relationships>
</file>

<file path=ppt/slides/_rels/slide6.xml.rels><?xml version="1.0" encoding="UTF-8" standalone="yes"?>
<Relationships xmlns="http://schemas.openxmlformats.org/package/2006/relationships"><Relationship Id="rId8" Type="http://schemas.microsoft.com/office/2007/relationships/media" Target="../media/media10.mp3"/><Relationship Id="rId13" Type="http://schemas.openxmlformats.org/officeDocument/2006/relationships/audio" Target="../media/media12.mp3"/><Relationship Id="rId18" Type="http://schemas.openxmlformats.org/officeDocument/2006/relationships/slideLayout" Target="../slideLayouts/slideLayout50.xml"/><Relationship Id="rId26" Type="http://schemas.openxmlformats.org/officeDocument/2006/relationships/image" Target="../media/image41.png"/><Relationship Id="rId3" Type="http://schemas.openxmlformats.org/officeDocument/2006/relationships/audio" Target="../media/media8.mp3"/><Relationship Id="rId21" Type="http://schemas.openxmlformats.org/officeDocument/2006/relationships/image" Target="../media/image47.png"/><Relationship Id="rId7" Type="http://schemas.openxmlformats.org/officeDocument/2006/relationships/audio" Target="../media/media9.mp3"/><Relationship Id="rId12" Type="http://schemas.microsoft.com/office/2007/relationships/media" Target="../media/media12.mp3"/><Relationship Id="rId17" Type="http://schemas.openxmlformats.org/officeDocument/2006/relationships/audio" Target="../media/media13.mp3"/><Relationship Id="rId25" Type="http://schemas.openxmlformats.org/officeDocument/2006/relationships/image" Target="../media/image37.svg"/><Relationship Id="rId2" Type="http://schemas.microsoft.com/office/2007/relationships/media" Target="../media/media8.mp3"/><Relationship Id="rId16" Type="http://schemas.microsoft.com/office/2007/relationships/media" Target="../media/media13.mp3"/><Relationship Id="rId20" Type="http://schemas.openxmlformats.org/officeDocument/2006/relationships/image" Target="../media/image46.png"/><Relationship Id="rId29" Type="http://schemas.microsoft.com/office/2007/relationships/hdphoto" Target="../media/hdphoto3.wdp"/><Relationship Id="rId1" Type="http://schemas.openxmlformats.org/officeDocument/2006/relationships/tags" Target="../tags/tag7.xml"/><Relationship Id="rId6" Type="http://schemas.microsoft.com/office/2007/relationships/media" Target="../media/media9.mp3"/><Relationship Id="rId11" Type="http://schemas.openxmlformats.org/officeDocument/2006/relationships/audio" Target="../media/media11.mp3"/><Relationship Id="rId24" Type="http://schemas.openxmlformats.org/officeDocument/2006/relationships/image" Target="../media/image36.png"/><Relationship Id="rId32" Type="http://schemas.openxmlformats.org/officeDocument/2006/relationships/image" Target="../media/image45.png"/><Relationship Id="rId5" Type="http://schemas.openxmlformats.org/officeDocument/2006/relationships/audio" Target="../media/media3.mp3"/><Relationship Id="rId15" Type="http://schemas.openxmlformats.org/officeDocument/2006/relationships/audio" Target="../media/media6.mp3"/><Relationship Id="rId23" Type="http://schemas.openxmlformats.org/officeDocument/2006/relationships/image" Target="../media/image35.png"/><Relationship Id="rId28" Type="http://schemas.openxmlformats.org/officeDocument/2006/relationships/image" Target="../media/image42.png"/><Relationship Id="rId10" Type="http://schemas.microsoft.com/office/2007/relationships/media" Target="../media/media11.mp3"/><Relationship Id="rId19" Type="http://schemas.openxmlformats.org/officeDocument/2006/relationships/notesSlide" Target="../notesSlides/notesSlide6.xml"/><Relationship Id="rId31" Type="http://schemas.openxmlformats.org/officeDocument/2006/relationships/slide" Target="slide4.xml"/><Relationship Id="rId4" Type="http://schemas.microsoft.com/office/2007/relationships/media" Target="../media/media3.mp3"/><Relationship Id="rId9" Type="http://schemas.openxmlformats.org/officeDocument/2006/relationships/audio" Target="../media/media10.mp3"/><Relationship Id="rId14" Type="http://schemas.microsoft.com/office/2007/relationships/media" Target="../media/media6.mp3"/><Relationship Id="rId22" Type="http://schemas.openxmlformats.org/officeDocument/2006/relationships/image" Target="../media/image34.png"/><Relationship Id="rId27" Type="http://schemas.microsoft.com/office/2007/relationships/hdphoto" Target="../media/hdphoto2.wdp"/><Relationship Id="rId30" Type="http://schemas.openxmlformats.org/officeDocument/2006/relationships/image" Target="../media/image38.png"/></Relationships>
</file>

<file path=ppt/slides/_rels/slide7.xml.rels><?xml version="1.0" encoding="UTF-8" standalone="yes"?>
<Relationships xmlns="http://schemas.openxmlformats.org/package/2006/relationships"><Relationship Id="rId8" Type="http://schemas.microsoft.com/office/2007/relationships/media" Target="../media/media16.mp3"/><Relationship Id="rId13" Type="http://schemas.openxmlformats.org/officeDocument/2006/relationships/audio" Target="../media/media18.mp3"/><Relationship Id="rId18" Type="http://schemas.openxmlformats.org/officeDocument/2006/relationships/image" Target="../media/image34.png"/><Relationship Id="rId26" Type="http://schemas.openxmlformats.org/officeDocument/2006/relationships/slide" Target="slide4.xml"/><Relationship Id="rId3" Type="http://schemas.openxmlformats.org/officeDocument/2006/relationships/audio" Target="../media/media14.mp3"/><Relationship Id="rId21" Type="http://schemas.openxmlformats.org/officeDocument/2006/relationships/image" Target="../media/image37.svg"/><Relationship Id="rId7" Type="http://schemas.openxmlformats.org/officeDocument/2006/relationships/audio" Target="../media/media3.mp3"/><Relationship Id="rId12" Type="http://schemas.microsoft.com/office/2007/relationships/media" Target="../media/media18.mp3"/><Relationship Id="rId17" Type="http://schemas.openxmlformats.org/officeDocument/2006/relationships/image" Target="../media/image49.png"/><Relationship Id="rId25" Type="http://schemas.microsoft.com/office/2007/relationships/hdphoto" Target="../media/hdphoto3.wdp"/><Relationship Id="rId2" Type="http://schemas.microsoft.com/office/2007/relationships/media" Target="../media/media14.mp3"/><Relationship Id="rId16" Type="http://schemas.openxmlformats.org/officeDocument/2006/relationships/image" Target="../media/image48.png"/><Relationship Id="rId20" Type="http://schemas.openxmlformats.org/officeDocument/2006/relationships/image" Target="../media/image36.png"/><Relationship Id="rId1" Type="http://schemas.openxmlformats.org/officeDocument/2006/relationships/tags" Target="../tags/tag8.xml"/><Relationship Id="rId6" Type="http://schemas.microsoft.com/office/2007/relationships/media" Target="../media/media3.mp3"/><Relationship Id="rId11" Type="http://schemas.openxmlformats.org/officeDocument/2006/relationships/audio" Target="../media/media17.mp3"/><Relationship Id="rId24" Type="http://schemas.openxmlformats.org/officeDocument/2006/relationships/image" Target="../media/image42.png"/><Relationship Id="rId5" Type="http://schemas.openxmlformats.org/officeDocument/2006/relationships/audio" Target="../media/media15.mp3"/><Relationship Id="rId15" Type="http://schemas.openxmlformats.org/officeDocument/2006/relationships/notesSlide" Target="../notesSlides/notesSlide7.xml"/><Relationship Id="rId23" Type="http://schemas.microsoft.com/office/2007/relationships/hdphoto" Target="../media/hdphoto2.wdp"/><Relationship Id="rId28" Type="http://schemas.openxmlformats.org/officeDocument/2006/relationships/image" Target="../media/image38.png"/><Relationship Id="rId10" Type="http://schemas.microsoft.com/office/2007/relationships/media" Target="../media/media17.mp3"/><Relationship Id="rId19" Type="http://schemas.openxmlformats.org/officeDocument/2006/relationships/image" Target="../media/image35.png"/><Relationship Id="rId4" Type="http://schemas.microsoft.com/office/2007/relationships/media" Target="../media/media15.mp3"/><Relationship Id="rId9" Type="http://schemas.openxmlformats.org/officeDocument/2006/relationships/audio" Target="../media/media16.mp3"/><Relationship Id="rId14" Type="http://schemas.openxmlformats.org/officeDocument/2006/relationships/slideLayout" Target="../slideLayouts/slideLayout50.xml"/><Relationship Id="rId22" Type="http://schemas.openxmlformats.org/officeDocument/2006/relationships/image" Target="../media/image41.png"/><Relationship Id="rId27" Type="http://schemas.openxmlformats.org/officeDocument/2006/relationships/image" Target="../media/image45.png"/></Relationships>
</file>

<file path=ppt/slides/_rels/slide8.xml.rels><?xml version="1.0" encoding="UTF-8" standalone="yes"?>
<Relationships xmlns="http://schemas.openxmlformats.org/package/2006/relationships"><Relationship Id="rId8" Type="http://schemas.microsoft.com/office/2007/relationships/media" Target="../media/media6.mp3"/><Relationship Id="rId13" Type="http://schemas.openxmlformats.org/officeDocument/2006/relationships/audio" Target="../media/media23.mp3"/><Relationship Id="rId18" Type="http://schemas.openxmlformats.org/officeDocument/2006/relationships/image" Target="../media/image34.png"/><Relationship Id="rId26" Type="http://schemas.openxmlformats.org/officeDocument/2006/relationships/slide" Target="slide4.xml"/><Relationship Id="rId3" Type="http://schemas.openxmlformats.org/officeDocument/2006/relationships/audio" Target="../media/media19.mp3"/><Relationship Id="rId21" Type="http://schemas.openxmlformats.org/officeDocument/2006/relationships/image" Target="../media/image37.svg"/><Relationship Id="rId7" Type="http://schemas.openxmlformats.org/officeDocument/2006/relationships/audio" Target="../media/media21.mp3"/><Relationship Id="rId12" Type="http://schemas.microsoft.com/office/2007/relationships/media" Target="../media/media23.mp3"/><Relationship Id="rId17" Type="http://schemas.openxmlformats.org/officeDocument/2006/relationships/image" Target="../media/image51.png"/><Relationship Id="rId25" Type="http://schemas.microsoft.com/office/2007/relationships/hdphoto" Target="../media/hdphoto3.wdp"/><Relationship Id="rId2" Type="http://schemas.microsoft.com/office/2007/relationships/media" Target="../media/media19.mp3"/><Relationship Id="rId16" Type="http://schemas.openxmlformats.org/officeDocument/2006/relationships/image" Target="../media/image50.png"/><Relationship Id="rId20" Type="http://schemas.openxmlformats.org/officeDocument/2006/relationships/image" Target="../media/image36.png"/><Relationship Id="rId1" Type="http://schemas.openxmlformats.org/officeDocument/2006/relationships/tags" Target="../tags/tag9.xml"/><Relationship Id="rId6" Type="http://schemas.microsoft.com/office/2007/relationships/media" Target="../media/media21.mp3"/><Relationship Id="rId11" Type="http://schemas.openxmlformats.org/officeDocument/2006/relationships/audio" Target="../media/media22.mp3"/><Relationship Id="rId24" Type="http://schemas.openxmlformats.org/officeDocument/2006/relationships/image" Target="../media/image42.png"/><Relationship Id="rId5" Type="http://schemas.openxmlformats.org/officeDocument/2006/relationships/audio" Target="../media/media20.mp3"/><Relationship Id="rId15" Type="http://schemas.openxmlformats.org/officeDocument/2006/relationships/notesSlide" Target="../notesSlides/notesSlide8.xml"/><Relationship Id="rId23" Type="http://schemas.microsoft.com/office/2007/relationships/hdphoto" Target="../media/hdphoto2.wdp"/><Relationship Id="rId28" Type="http://schemas.openxmlformats.org/officeDocument/2006/relationships/image" Target="../media/image38.png"/><Relationship Id="rId10" Type="http://schemas.microsoft.com/office/2007/relationships/media" Target="../media/media22.mp3"/><Relationship Id="rId19" Type="http://schemas.openxmlformats.org/officeDocument/2006/relationships/image" Target="../media/image35.png"/><Relationship Id="rId4" Type="http://schemas.microsoft.com/office/2007/relationships/media" Target="../media/media20.mp3"/><Relationship Id="rId9" Type="http://schemas.openxmlformats.org/officeDocument/2006/relationships/audio" Target="../media/media6.mp3"/><Relationship Id="rId14" Type="http://schemas.openxmlformats.org/officeDocument/2006/relationships/slideLayout" Target="../slideLayouts/slideLayout50.xml"/><Relationship Id="rId22" Type="http://schemas.openxmlformats.org/officeDocument/2006/relationships/image" Target="../media/image41.png"/><Relationship Id="rId27" Type="http://schemas.openxmlformats.org/officeDocument/2006/relationships/image" Target="../media/image45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5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BF282100-484A-72C6-36C4-8C5C6A897DA2}"/>
              </a:ext>
            </a:extLst>
          </p:cNvPr>
          <p:cNvSpPr txBox="1"/>
          <p:nvPr/>
        </p:nvSpPr>
        <p:spPr>
          <a:xfrm>
            <a:off x="2182585" y="3824126"/>
            <a:ext cx="7826829" cy="70788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0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Practice Answer key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44A6CF02-3DDB-EE74-322B-938EB0F085E7}"/>
              </a:ext>
            </a:extLst>
          </p:cNvPr>
          <p:cNvSpPr txBox="1"/>
          <p:nvPr/>
        </p:nvSpPr>
        <p:spPr>
          <a:xfrm>
            <a:off x="8886825" y="601118"/>
            <a:ext cx="3448050" cy="683713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lnSpc>
                <a:spcPts val="4600"/>
              </a:lnSpc>
            </a:pPr>
            <a:r>
              <a:rPr lang="en-US" sz="4400" b="1" dirty="0">
                <a:solidFill>
                  <a:schemeClr val="bg1"/>
                </a:solidFill>
              </a:rPr>
              <a:t>Chapter 6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61866336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>
            <a:extLst>
              <a:ext uri="{FF2B5EF4-FFF2-40B4-BE49-F238E27FC236}">
                <a16:creationId xmlns:a16="http://schemas.microsoft.com/office/drawing/2014/main" id="{B0B883D7-90A2-40BA-9DFE-88AF3DAF86D6}"/>
              </a:ext>
            </a:extLst>
          </p:cNvPr>
          <p:cNvSpPr txBox="1"/>
          <p:nvPr/>
        </p:nvSpPr>
        <p:spPr>
          <a:xfrm>
            <a:off x="676017" y="609251"/>
            <a:ext cx="10839965" cy="3108543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HK" sz="1400" b="1" dirty="0">
                <a:latin typeface="Calibri" panose="020F0502020204030204" pitchFamily="34" charset="0"/>
              </a:rPr>
              <a:t>Acknowledgements</a:t>
            </a:r>
          </a:p>
          <a:p>
            <a:endParaRPr lang="en-HK" sz="1400" dirty="0">
              <a:latin typeface="Calibri" panose="020F0502020204030204" pitchFamily="34" charset="0"/>
            </a:endParaRPr>
          </a:p>
          <a:p>
            <a:r>
              <a:rPr lang="en-HK" sz="1400" dirty="0">
                <a:latin typeface="Calibri" panose="020F0502020204030204" pitchFamily="34" charset="0"/>
              </a:rPr>
              <a:t>We would like to thank the following organisations and people for permission to use their images:</a:t>
            </a:r>
          </a:p>
          <a:p>
            <a:endParaRPr lang="en-HK" sz="1400" dirty="0">
              <a:latin typeface="Calibri" panose="020F0502020204030204" pitchFamily="34" charset="0"/>
            </a:endParaRPr>
          </a:p>
          <a:p>
            <a:r>
              <a:rPr lang="en-HK" sz="1400" dirty="0">
                <a:latin typeface="Calibri" panose="020F0502020204030204" pitchFamily="34" charset="0"/>
              </a:rPr>
              <a:t>Brent Randall / stock.adobe.com</a:t>
            </a:r>
          </a:p>
          <a:p>
            <a:r>
              <a:rPr lang="en-HK" sz="1400" dirty="0">
                <a:latin typeface="Calibri" panose="020F0502020204030204" pitchFamily="34" charset="0"/>
              </a:rPr>
              <a:t>davit85 / stock.adobe.com</a:t>
            </a:r>
          </a:p>
          <a:p>
            <a:r>
              <a:rPr lang="en-HK" sz="1400" dirty="0">
                <a:latin typeface="Calibri" panose="020F0502020204030204" pitchFamily="34" charset="0"/>
              </a:rPr>
              <a:t>day2505 / stock.adobe.com</a:t>
            </a:r>
          </a:p>
          <a:p>
            <a:r>
              <a:rPr lang="en-HK" sz="1400" dirty="0" err="1">
                <a:latin typeface="Calibri" panose="020F0502020204030204" pitchFamily="34" charset="0"/>
              </a:rPr>
              <a:t>deagreez</a:t>
            </a:r>
            <a:r>
              <a:rPr lang="en-HK" sz="1400" dirty="0">
                <a:latin typeface="Calibri" panose="020F0502020204030204" pitchFamily="34" charset="0"/>
              </a:rPr>
              <a:t> / stock.adobe.com</a:t>
            </a:r>
          </a:p>
          <a:p>
            <a:r>
              <a:rPr lang="en-HK" sz="1400" dirty="0">
                <a:latin typeface="Calibri" panose="020F0502020204030204" pitchFamily="34" charset="0"/>
              </a:rPr>
              <a:t>flas100 / stock.adobe.com</a:t>
            </a:r>
          </a:p>
          <a:p>
            <a:r>
              <a:rPr lang="en-HK" sz="1400" dirty="0" err="1">
                <a:latin typeface="Calibri" panose="020F0502020204030204" pitchFamily="34" charset="0"/>
              </a:rPr>
              <a:t>Mayumi.K.Photography</a:t>
            </a:r>
            <a:r>
              <a:rPr lang="en-HK" sz="1400" dirty="0">
                <a:latin typeface="Calibri" panose="020F0502020204030204" pitchFamily="34" charset="0"/>
              </a:rPr>
              <a:t> / stock.adobe.com</a:t>
            </a:r>
          </a:p>
          <a:p>
            <a:r>
              <a:rPr lang="en-HK" sz="1400" dirty="0" err="1">
                <a:latin typeface="Calibri" panose="020F0502020204030204" pitchFamily="34" charset="0"/>
              </a:rPr>
              <a:t>Patrick.Wong</a:t>
            </a:r>
            <a:r>
              <a:rPr lang="en-HK" sz="1400" dirty="0">
                <a:latin typeface="Calibri" panose="020F0502020204030204" pitchFamily="34" charset="0"/>
              </a:rPr>
              <a:t> / Shutterstock</a:t>
            </a:r>
          </a:p>
          <a:p>
            <a:r>
              <a:rPr lang="en-HK" sz="1400" dirty="0" err="1">
                <a:latin typeface="Calibri" panose="020F0502020204030204" pitchFamily="34" charset="0"/>
              </a:rPr>
              <a:t>powerbeephoto</a:t>
            </a:r>
            <a:r>
              <a:rPr lang="en-HK" sz="1400" dirty="0">
                <a:latin typeface="Calibri" panose="020F0502020204030204" pitchFamily="34" charset="0"/>
              </a:rPr>
              <a:t> / stock.adobe.com</a:t>
            </a:r>
          </a:p>
          <a:p>
            <a:endParaRPr lang="en-HK" sz="1400" dirty="0">
              <a:latin typeface="Calibri" panose="020F0502020204030204" pitchFamily="34" charset="0"/>
            </a:endParaRPr>
          </a:p>
          <a:p>
            <a:endParaRPr lang="en-HK" sz="1400" dirty="0">
              <a:latin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0478949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0E8F24B9-432D-E54C-393D-A2B2BE258A7A}"/>
              </a:ext>
            </a:extLst>
          </p:cNvPr>
          <p:cNvSpPr txBox="1"/>
          <p:nvPr/>
        </p:nvSpPr>
        <p:spPr>
          <a:xfrm>
            <a:off x="609599" y="147396"/>
            <a:ext cx="10972801" cy="992674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2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he children are talking about the places they have visited. Finish what they say.</a:t>
            </a:r>
            <a:endParaRPr sz="32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AE80D31F-C56A-CFB4-7CBE-62CFB308B27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72925" y="1292864"/>
            <a:ext cx="6846149" cy="427227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0320111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Picture 15">
            <a:extLst>
              <a:ext uri="{FF2B5EF4-FFF2-40B4-BE49-F238E27FC236}">
                <a16:creationId xmlns:a16="http://schemas.microsoft.com/office/drawing/2014/main" id="{EA40FFC2-292A-C314-1D41-BFC80299CE7F}"/>
              </a:ext>
            </a:extLst>
          </p:cNvPr>
          <p:cNvPicPr>
            <a:picLocks noChangeAspect="1"/>
          </p:cNvPicPr>
          <p:nvPr/>
        </p:nvPicPr>
        <p:blipFill>
          <a:blip r:embed="rId18"/>
          <a:stretch>
            <a:fillRect/>
          </a:stretch>
        </p:blipFill>
        <p:spPr>
          <a:xfrm>
            <a:off x="1842715" y="1195943"/>
            <a:ext cx="8533384" cy="978297"/>
          </a:xfrm>
          <a:prstGeom prst="rect">
            <a:avLst/>
          </a:prstGeom>
        </p:spPr>
      </p:pic>
      <p:sp>
        <p:nvSpPr>
          <p:cNvPr id="2" name="object 81">
            <a:extLst>
              <a:ext uri="{FF2B5EF4-FFF2-40B4-BE49-F238E27FC236}">
                <a16:creationId xmlns:a16="http://schemas.microsoft.com/office/drawing/2014/main" id="{7C70E77D-28E7-369D-5881-C8716EA77201}"/>
              </a:ext>
            </a:extLst>
          </p:cNvPr>
          <p:cNvSpPr txBox="1"/>
          <p:nvPr/>
        </p:nvSpPr>
        <p:spPr>
          <a:xfrm>
            <a:off x="2411510" y="299082"/>
            <a:ext cx="7353704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Here is an example.</a:t>
            </a:r>
            <a:endParaRPr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51F6926E-2795-46C8-65EB-8C20E6ED2A80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27726" y="4486683"/>
            <a:ext cx="2626114" cy="1915286"/>
          </a:xfrm>
          <a:prstGeom prst="rect">
            <a:avLst/>
          </a:prstGeom>
        </p:spPr>
      </p:pic>
      <p:pic>
        <p:nvPicPr>
          <p:cNvPr id="22" name="Picture 21">
            <a:extLst>
              <a:ext uri="{FF2B5EF4-FFF2-40B4-BE49-F238E27FC236}">
                <a16:creationId xmlns:a16="http://schemas.microsoft.com/office/drawing/2014/main" id="{BF9279F6-3731-4F45-954B-041DCC21A94F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rcRect/>
          <a:stretch/>
        </p:blipFill>
        <p:spPr>
          <a:xfrm>
            <a:off x="5149639" y="2260747"/>
            <a:ext cx="411480" cy="389823"/>
          </a:xfrm>
          <a:prstGeom prst="rect">
            <a:avLst/>
          </a:prstGeom>
        </p:spPr>
      </p:pic>
      <p:sp>
        <p:nvSpPr>
          <p:cNvPr id="8" name="TextBox 7">
            <a:extLst>
              <a:ext uri="{FF2B5EF4-FFF2-40B4-BE49-F238E27FC236}">
                <a16:creationId xmlns:a16="http://schemas.microsoft.com/office/drawing/2014/main" id="{829D3573-CCAE-3ABF-6761-5976DF76DD58}"/>
              </a:ext>
            </a:extLst>
          </p:cNvPr>
          <p:cNvSpPr txBox="1"/>
          <p:nvPr/>
        </p:nvSpPr>
        <p:spPr>
          <a:xfrm>
            <a:off x="5962765" y="2621868"/>
            <a:ext cx="6229235" cy="16694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ver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en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o Japan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es, I </a:t>
            </a:r>
            <a:r>
              <a:rPr lang="en-US" sz="2400" dirty="0">
                <a:solidFill>
                  <a:schemeClr val="accent4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 I </a:t>
            </a:r>
            <a:r>
              <a:rPr lang="en-US" sz="2400" dirty="0">
                <a:solidFill>
                  <a:schemeClr val="accent4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 </a:t>
            </a:r>
            <a:r>
              <a:rPr lang="en-US" sz="2400" dirty="0">
                <a:solidFill>
                  <a:srgbClr val="FF0000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ree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400" dirty="0">
                <a:solidFill>
                  <a:srgbClr val="FF0000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ears ago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hat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id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o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te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sushi at a fish market.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48" name="5a_c6_g1-0001">
            <a:hlinkClick r:id="" action="ppaction://media"/>
            <a:extLst>
              <a:ext uri="{FF2B5EF4-FFF2-40B4-BE49-F238E27FC236}">
                <a16:creationId xmlns:a16="http://schemas.microsoft.com/office/drawing/2014/main" id="{E78AB8FE-6CC3-6B38-61C7-900528560F9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692770" y="4185809"/>
            <a:ext cx="487363" cy="487363"/>
          </a:xfrm>
          <a:prstGeom prst="rect">
            <a:avLst/>
          </a:prstGeom>
        </p:spPr>
      </p:pic>
      <p:pic>
        <p:nvPicPr>
          <p:cNvPr id="49" name="5a_c6_g1-0002">
            <a:hlinkClick r:id="" action="ppaction://media"/>
            <a:extLst>
              <a:ext uri="{FF2B5EF4-FFF2-40B4-BE49-F238E27FC236}">
                <a16:creationId xmlns:a16="http://schemas.microsoft.com/office/drawing/2014/main" id="{3F4FCD1C-AB6D-4920-28D6-F6954966A9B0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692770" y="4743008"/>
            <a:ext cx="487362" cy="487363"/>
          </a:xfrm>
          <a:prstGeom prst="rect">
            <a:avLst/>
          </a:prstGeom>
        </p:spPr>
      </p:pic>
      <p:pic>
        <p:nvPicPr>
          <p:cNvPr id="50" name="5a_c6_g1-0003">
            <a:hlinkClick r:id="" action="ppaction://media"/>
            <a:extLst>
              <a:ext uri="{FF2B5EF4-FFF2-40B4-BE49-F238E27FC236}">
                <a16:creationId xmlns:a16="http://schemas.microsoft.com/office/drawing/2014/main" id="{EA9126BD-9CF8-95AB-3FB6-0091C6DE8AFA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715782" y="5285527"/>
            <a:ext cx="487362" cy="487363"/>
          </a:xfrm>
          <a:prstGeom prst="rect">
            <a:avLst/>
          </a:prstGeom>
        </p:spPr>
      </p:pic>
      <p:pic>
        <p:nvPicPr>
          <p:cNvPr id="51" name="5a_c6_g1-0004">
            <a:hlinkClick r:id="" action="ppaction://media"/>
            <a:extLst>
              <a:ext uri="{FF2B5EF4-FFF2-40B4-BE49-F238E27FC236}">
                <a16:creationId xmlns:a16="http://schemas.microsoft.com/office/drawing/2014/main" id="{976AB7A3-90AE-0D0C-E472-E05BC014CDA9}"/>
              </a:ext>
            </a:extLst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9">
                  <p14:trim end="5513"/>
                </p14:media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-708015" y="5828046"/>
            <a:ext cx="487363" cy="487362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3D23603C-1CFF-37DB-C460-FED3553AB032}"/>
              </a:ext>
            </a:extLst>
          </p:cNvPr>
          <p:cNvPicPr>
            <a:picLocks noChangeAspect="1"/>
          </p:cNvPicPr>
          <p:nvPr/>
        </p:nvPicPr>
        <p:blipFill>
          <a:blip r:embed="rId23"/>
          <a:stretch>
            <a:fillRect/>
          </a:stretch>
        </p:blipFill>
        <p:spPr>
          <a:xfrm>
            <a:off x="2965911" y="2765995"/>
            <a:ext cx="1979106" cy="1666965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3CF0B52D-8846-2244-7F0B-AC0E25EAD954}"/>
              </a:ext>
            </a:extLst>
          </p:cNvPr>
          <p:cNvPicPr>
            <a:picLocks noChangeAspect="1"/>
          </p:cNvPicPr>
          <p:nvPr/>
        </p:nvPicPr>
        <p:blipFill>
          <a:blip r:embed="rId24"/>
          <a:stretch>
            <a:fillRect/>
          </a:stretch>
        </p:blipFill>
        <p:spPr>
          <a:xfrm>
            <a:off x="333078" y="2610847"/>
            <a:ext cx="2173721" cy="1842136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3011C19B-E8CD-F703-759E-00C6C9FB2190}"/>
              </a:ext>
            </a:extLst>
          </p:cNvPr>
          <p:cNvPicPr>
            <a:picLocks noChangeAspect="1"/>
          </p:cNvPicPr>
          <p:nvPr/>
        </p:nvPicPr>
        <p:blipFill>
          <a:blip r:embed="rId25">
            <a:extLst>
              <a:ext uri="{BEBA8EAE-BF5A-486C-A8C5-ECC9F3942E4B}">
                <a14:imgProps xmlns:a14="http://schemas.microsoft.com/office/drawing/2010/main">
                  <a14:imgLayer r:embed="rId26">
                    <a14:imgEffect>
                      <a14:backgroundRemoval t="10000" b="90000" l="8966" r="89655">
                        <a14:foregroundMark x1="8966" y1="43750" x2="15172" y2="55000"/>
                        <a14:foregroundMark x1="26897" y1="58750" x2="64138" y2="45000"/>
                        <a14:foregroundMark x1="24138" y1="53750" x2="64828" y2="53750"/>
                        <a14:foregroundMark x1="75862" y1="52500" x2="40690" y2="57500"/>
                        <a14:foregroundMark x1="20000" y1="55000" x2="19310" y2="61250"/>
                        <a14:foregroundMark x1="24138" y1="52500" x2="20690" y2="71250"/>
                        <a14:foregroundMark x1="20000" y1="50000" x2="20690" y2="61250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45143" y="2120926"/>
            <a:ext cx="1381318" cy="762106"/>
          </a:xfrm>
          <a:prstGeom prst="rect">
            <a:avLst/>
          </a:prstGeom>
        </p:spPr>
      </p:pic>
      <p:pic>
        <p:nvPicPr>
          <p:cNvPr id="13" name="Picture 12">
            <a:extLst>
              <a:ext uri="{FF2B5EF4-FFF2-40B4-BE49-F238E27FC236}">
                <a16:creationId xmlns:a16="http://schemas.microsoft.com/office/drawing/2014/main" id="{47D19AF4-43B6-5AFD-4E77-17DF80F7E47C}"/>
              </a:ext>
            </a:extLst>
          </p:cNvPr>
          <p:cNvPicPr>
            <a:picLocks noChangeAspect="1"/>
          </p:cNvPicPr>
          <p:nvPr/>
        </p:nvPicPr>
        <p:blipFill>
          <a:blip r:embed="rId27">
            <a:extLst>
              <a:ext uri="{BEBA8EAE-BF5A-486C-A8C5-ECC9F3942E4B}">
                <a14:imgProps xmlns:a14="http://schemas.microsoft.com/office/drawing/2010/main">
                  <a14:imgLayer r:embed="rId28">
                    <a14:imgEffect>
                      <a14:backgroundRemoval t="10000" b="90000" l="10000" r="90000">
                        <a14:foregroundMark x1="67320" y1="60759" x2="71895" y2="43038"/>
                        <a14:foregroundMark x1="72549" y1="43038" x2="36601" y2="58228"/>
                        <a14:foregroundMark x1="54902" y1="56962" x2="29412" y2="63291"/>
                        <a14:foregroundMark x1="47059" y1="43038" x2="24183" y2="63291"/>
                        <a14:foregroundMark x1="32680" y1="68354" x2="27451" y2="70886"/>
                        <a14:foregroundMark x1="26144" y1="70886" x2="25490" y2="77215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2636656" y="2174944"/>
            <a:ext cx="1457528" cy="752580"/>
          </a:xfrm>
          <a:prstGeom prst="rect">
            <a:avLst/>
          </a:prstGeom>
        </p:spPr>
      </p:pic>
      <p:sp>
        <p:nvSpPr>
          <p:cNvPr id="14" name="TextBox 13">
            <a:extLst>
              <a:ext uri="{FF2B5EF4-FFF2-40B4-BE49-F238E27FC236}">
                <a16:creationId xmlns:a16="http://schemas.microsoft.com/office/drawing/2014/main" id="{C6D982D8-3AB2-9A9E-8882-CE7DA1F1DC8F}"/>
              </a:ext>
            </a:extLst>
          </p:cNvPr>
          <p:cNvSpPr txBox="1"/>
          <p:nvPr/>
        </p:nvSpPr>
        <p:spPr>
          <a:xfrm>
            <a:off x="5088121" y="2601990"/>
            <a:ext cx="1347297" cy="3264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  <a:endParaRPr lang="en-US" sz="2400" dirty="0"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</a:p>
          <a:p>
            <a:pPr>
              <a:lnSpc>
                <a:spcPct val="108000"/>
              </a:lnSpc>
            </a:pPr>
            <a:endParaRPr lang="en-US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  <a:endParaRPr lang="en-US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BF97D6D8-4F88-3019-A8D2-C1062C7CF080}"/>
              </a:ext>
            </a:extLst>
          </p:cNvPr>
          <p:cNvSpPr txBox="1"/>
          <p:nvPr/>
        </p:nvSpPr>
        <p:spPr>
          <a:xfrm>
            <a:off x="5960719" y="4192897"/>
            <a:ext cx="6229235" cy="206832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739775" indent="-739775"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ow about you?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ver been 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Japan?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s, I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 I </a:t>
            </a:r>
            <a:r>
              <a:rPr lang="en-US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 </a:t>
            </a:r>
            <a:r>
              <a:rPr lang="en-US" sz="2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ast Christmas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hat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id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o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 </a:t>
            </a:r>
            <a:r>
              <a:rPr lang="en-US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skiing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096B91A5-7919-8081-CEC4-FB22B9081EA4}"/>
              </a:ext>
            </a:extLst>
          </p:cNvPr>
          <p:cNvSpPr/>
          <p:nvPr/>
        </p:nvSpPr>
        <p:spPr>
          <a:xfrm>
            <a:off x="4134664" y="1352308"/>
            <a:ext cx="2753815" cy="344412"/>
          </a:xfrm>
          <a:prstGeom prst="round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19" name="Oval 18">
            <a:extLst>
              <a:ext uri="{FF2B5EF4-FFF2-40B4-BE49-F238E27FC236}">
                <a16:creationId xmlns:a16="http://schemas.microsoft.com/office/drawing/2014/main" id="{4C306D94-F6C4-D7DD-A629-1C215BF8D3CE}"/>
              </a:ext>
            </a:extLst>
          </p:cNvPr>
          <p:cNvSpPr/>
          <p:nvPr/>
        </p:nvSpPr>
        <p:spPr>
          <a:xfrm>
            <a:off x="3178161" y="4048549"/>
            <a:ext cx="1553497" cy="471948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0" name="Oval 19">
            <a:extLst>
              <a:ext uri="{FF2B5EF4-FFF2-40B4-BE49-F238E27FC236}">
                <a16:creationId xmlns:a16="http://schemas.microsoft.com/office/drawing/2014/main" id="{AA544E76-A6A6-74A1-47AA-C660772BD2CC}"/>
              </a:ext>
            </a:extLst>
          </p:cNvPr>
          <p:cNvSpPr/>
          <p:nvPr/>
        </p:nvSpPr>
        <p:spPr>
          <a:xfrm>
            <a:off x="621774" y="4009220"/>
            <a:ext cx="1553497" cy="471948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4" name="Rectangle: Rounded Corners 23">
            <a:extLst>
              <a:ext uri="{FF2B5EF4-FFF2-40B4-BE49-F238E27FC236}">
                <a16:creationId xmlns:a16="http://schemas.microsoft.com/office/drawing/2014/main" id="{9D377D94-0F34-124F-3409-A85EC5430D31}"/>
              </a:ext>
            </a:extLst>
          </p:cNvPr>
          <p:cNvSpPr/>
          <p:nvPr/>
        </p:nvSpPr>
        <p:spPr>
          <a:xfrm>
            <a:off x="2266535" y="1666940"/>
            <a:ext cx="1145259" cy="344412"/>
          </a:xfrm>
          <a:prstGeom prst="round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>
              <a:latin typeface="Calibri" panose="020F0502020204030204" pitchFamily="34" charset="0"/>
            </a:endParaRPr>
          </a:p>
        </p:txBody>
      </p:sp>
      <p:pic>
        <p:nvPicPr>
          <p:cNvPr id="25" name="5a_c6_g1-0004">
            <a:hlinkClick r:id="" action="ppaction://media"/>
            <a:extLst>
              <a:ext uri="{FF2B5EF4-FFF2-40B4-BE49-F238E27FC236}">
                <a16:creationId xmlns:a16="http://schemas.microsoft.com/office/drawing/2014/main" id="{E2E64E58-D23E-5702-F742-997039FDDE40}"/>
              </a:ext>
            </a:extLst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9">
                  <p14:trim st="3252"/>
                </p14:media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12792684" y="4118731"/>
            <a:ext cx="487363" cy="487362"/>
          </a:xfrm>
          <a:prstGeom prst="rect">
            <a:avLst/>
          </a:prstGeom>
        </p:spPr>
      </p:pic>
      <p:pic>
        <p:nvPicPr>
          <p:cNvPr id="26" name="5a_c6_g1-0005">
            <a:hlinkClick r:id="" action="ppaction://media"/>
            <a:extLst>
              <a:ext uri="{FF2B5EF4-FFF2-40B4-BE49-F238E27FC236}">
                <a16:creationId xmlns:a16="http://schemas.microsoft.com/office/drawing/2014/main" id="{82087A4F-E110-1CBA-3513-725DA7C588A9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12792684" y="4712638"/>
            <a:ext cx="487362" cy="487363"/>
          </a:xfrm>
          <a:prstGeom prst="rect">
            <a:avLst/>
          </a:prstGeom>
        </p:spPr>
      </p:pic>
      <p:pic>
        <p:nvPicPr>
          <p:cNvPr id="27" name="5a_c6_g1-0006">
            <a:hlinkClick r:id="" action="ppaction://media"/>
            <a:extLst>
              <a:ext uri="{FF2B5EF4-FFF2-40B4-BE49-F238E27FC236}">
                <a16:creationId xmlns:a16="http://schemas.microsoft.com/office/drawing/2014/main" id="{454821CC-9A88-91A1-54F7-9243DB9AF999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12729425" y="5300805"/>
            <a:ext cx="487363" cy="487362"/>
          </a:xfrm>
          <a:prstGeom prst="rect">
            <a:avLst/>
          </a:prstGeom>
        </p:spPr>
      </p:pic>
      <p:pic>
        <p:nvPicPr>
          <p:cNvPr id="28" name="5a_c6_g1-0007">
            <a:hlinkClick r:id="" action="ppaction://media"/>
            <a:extLst>
              <a:ext uri="{FF2B5EF4-FFF2-40B4-BE49-F238E27FC236}">
                <a16:creationId xmlns:a16="http://schemas.microsoft.com/office/drawing/2014/main" id="{62ADD60A-8D85-7193-F187-E982C87EC273}"/>
              </a:ext>
            </a:extLst>
          </p:cNvPr>
          <p:cNvPicPr>
            <a:picLocks noChangeAspect="1"/>
          </p:cNvPicPr>
          <p:nvPr>
            <a:audioFile r:link="rId15"/>
            <p:extLst>
              <p:ext uri="{DAA4B4D4-6D71-4841-9C94-3DE7FCFB9230}">
                <p14:media xmlns:p14="http://schemas.microsoft.com/office/powerpoint/2010/main" r:embed="rId14"/>
              </p:ext>
            </p:extLst>
          </p:nvPr>
        </p:nvPicPr>
        <p:blipFill>
          <a:blip r:embed="rId22"/>
          <a:stretch>
            <a:fillRect/>
          </a:stretch>
        </p:blipFill>
        <p:spPr>
          <a:xfrm>
            <a:off x="12792684" y="5935604"/>
            <a:ext cx="487362" cy="48736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2223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6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41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56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6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8"/>
                </p:tgtEl>
              </p:cMediaNode>
            </p:audio>
            <p:audio>
              <p:cMediaNode vol="80000">
                <p:cTn id="6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9"/>
                </p:tgtEl>
              </p:cMediaNode>
            </p:audio>
            <p:audio>
              <p:cMediaNode vol="80000">
                <p:cTn id="6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0"/>
                </p:tgtEl>
              </p:cMediaNode>
            </p:audio>
            <p:audio>
              <p:cMediaNode vol="80000">
                <p:cTn id="6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1"/>
                </p:tgtEl>
              </p:cMediaNode>
            </p:audio>
            <p:seq concurrent="1" nextAc="seek">
              <p:cTn id="69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0" fill="hold">
                      <p:stCondLst>
                        <p:cond delay="0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3" dur="2952" fill="hold"/>
                                        <p:tgtEl>
                                          <p:spTgt spid="4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2952"/>
                            </p:stCondLst>
                            <p:childTnLst>
                              <p:par>
                                <p:cTn id="7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6" dur="5400" fill="hold"/>
                                        <p:tgtEl>
                                          <p:spTgt spid="4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8352"/>
                            </p:stCondLst>
                            <p:childTnLst>
                              <p:par>
                                <p:cTn id="78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9" dur="2448" fill="hold"/>
                                        <p:tgtEl>
                                          <p:spTgt spid="5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10800"/>
                            </p:stCondLst>
                            <p:childTnLst>
                              <p:par>
                                <p:cTn id="81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2" dur="2719" fill="hold"/>
                                        <p:tgtEl>
                                          <p:spTgt spid="5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13519"/>
                            </p:stCondLst>
                            <p:childTnLst>
                              <p:par>
                                <p:cTn id="8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5" dur="4980" fill="hold"/>
                                        <p:tgtEl>
                                          <p:spTgt spid="2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18499"/>
                            </p:stCondLst>
                            <p:childTnLst>
                              <p:par>
                                <p:cTn id="87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8" dur="5736" fill="hold"/>
                                        <p:tgtEl>
                                          <p:spTgt spid="2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24235"/>
                            </p:stCondLst>
                            <p:childTnLst>
                              <p:par>
                                <p:cTn id="90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1" dur="2400" fill="hold"/>
                                        <p:tgtEl>
                                          <p:spTgt spid="2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26635"/>
                            </p:stCondLst>
                            <p:childTnLst>
                              <p:par>
                                <p:cTn id="93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4" dur="2280" fill="hold"/>
                                        <p:tgtEl>
                                          <p:spTgt spid="2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audio>
              <p:cMediaNode vol="80000">
                <p:cTn id="9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5"/>
                </p:tgtEl>
              </p:cMediaNode>
            </p:audio>
            <p:audio>
              <p:cMediaNode vol="80000">
                <p:cTn id="9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6"/>
                </p:tgtEl>
              </p:cMediaNode>
            </p:audio>
            <p:audio>
              <p:cMediaNode vol="80000">
                <p:cTn id="9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7"/>
                </p:tgtEl>
              </p:cMediaNode>
            </p:audio>
            <p:audio>
              <p:cMediaNode vol="80000">
                <p:cTn id="9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8"/>
                </p:tgtEl>
              </p:cMediaNode>
            </p:audio>
          </p:childTnLst>
        </p:cTn>
      </p:par>
    </p:tnLst>
    <p:bldLst>
      <p:bldP spid="8" grpId="0" uiExpand="1" build="p"/>
      <p:bldP spid="17" grpId="0" uiExpand="1" build="allAtOnce"/>
      <p:bldP spid="18" grpId="0" animBg="1"/>
      <p:bldP spid="18" grpId="1" animBg="1"/>
      <p:bldP spid="19" grpId="0" animBg="1"/>
      <p:bldP spid="19" grpId="1" animBg="1"/>
      <p:bldP spid="20" grpId="0" animBg="1"/>
      <p:bldP spid="20" grpId="1" animBg="1"/>
      <p:bldP spid="24" grpId="0" animBg="1"/>
      <p:bldP spid="24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CB7573E3-FAE7-E6F3-C9F0-567357214BA6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81">
            <a:extLst>
              <a:ext uri="{FF2B5EF4-FFF2-40B4-BE49-F238E27FC236}">
                <a16:creationId xmlns:a16="http://schemas.microsoft.com/office/drawing/2014/main" id="{3FB971C8-F10F-1C21-1119-DCAB77067875}"/>
              </a:ext>
            </a:extLst>
          </p:cNvPr>
          <p:cNvSpPr txBox="1"/>
          <p:nvPr/>
        </p:nvSpPr>
        <p:spPr>
          <a:xfrm>
            <a:off x="66501" y="323000"/>
            <a:ext cx="12058996" cy="561787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6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Now you try.</a:t>
            </a:r>
            <a:endParaRPr lang="en-US" sz="36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387A6397-89EB-08B9-AEF5-6F834950EF3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72925" y="1292864"/>
            <a:ext cx="6846149" cy="4272271"/>
          </a:xfrm>
          <a:prstGeom prst="rect">
            <a:avLst/>
          </a:prstGeom>
        </p:spPr>
      </p:pic>
      <p:pic>
        <p:nvPicPr>
          <p:cNvPr id="3" name="Picture 2">
            <a:hlinkClick r:id="rId5" action="ppaction://hlinksldjump"/>
            <a:extLst>
              <a:ext uri="{FF2B5EF4-FFF2-40B4-BE49-F238E27FC236}">
                <a16:creationId xmlns:a16="http://schemas.microsoft.com/office/drawing/2014/main" id="{4F0EB4F4-153B-FDA1-C046-144882290BCD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5020334" y="1996053"/>
            <a:ext cx="396248" cy="410400"/>
          </a:xfrm>
          <a:prstGeom prst="rect">
            <a:avLst/>
          </a:prstGeom>
        </p:spPr>
      </p:pic>
      <p:pic>
        <p:nvPicPr>
          <p:cNvPr id="5" name="Picture 4">
            <a:hlinkClick r:id="rId8" action="ppaction://hlinksldjump"/>
            <a:extLst>
              <a:ext uri="{FF2B5EF4-FFF2-40B4-BE49-F238E27FC236}">
                <a16:creationId xmlns:a16="http://schemas.microsoft.com/office/drawing/2014/main" id="{D2437A21-37AD-D54D-B457-DC76FC077B94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6673710" y="1996053"/>
            <a:ext cx="396248" cy="410400"/>
          </a:xfrm>
          <a:prstGeom prst="rect">
            <a:avLst/>
          </a:prstGeom>
        </p:spPr>
      </p:pic>
      <p:pic>
        <p:nvPicPr>
          <p:cNvPr id="8" name="Picture 7">
            <a:hlinkClick r:id="rId9" action="ppaction://hlinksldjump"/>
            <a:extLst>
              <a:ext uri="{FF2B5EF4-FFF2-40B4-BE49-F238E27FC236}">
                <a16:creationId xmlns:a16="http://schemas.microsoft.com/office/drawing/2014/main" id="{7A0F8943-B9B9-F720-1BFD-1F15676820D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8327086" y="1996053"/>
            <a:ext cx="396248" cy="410400"/>
          </a:xfrm>
          <a:prstGeom prst="rect">
            <a:avLst/>
          </a:prstGeom>
        </p:spPr>
      </p:pic>
      <p:pic>
        <p:nvPicPr>
          <p:cNvPr id="4" name="Picture 3">
            <a:hlinkClick r:id="rId10" action="ppaction://hlinksldjump"/>
            <a:extLst>
              <a:ext uri="{FF2B5EF4-FFF2-40B4-BE49-F238E27FC236}">
                <a16:creationId xmlns:a16="http://schemas.microsoft.com/office/drawing/2014/main" id="{6C8CDC8F-57CB-9E40-B00B-A66A69FC948C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3366958" y="1996053"/>
            <a:ext cx="396248" cy="410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90162238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81D734A-6A3C-CACC-D1B7-ED38D02CE9F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81">
            <a:extLst>
              <a:ext uri="{FF2B5EF4-FFF2-40B4-BE49-F238E27FC236}">
                <a16:creationId xmlns:a16="http://schemas.microsoft.com/office/drawing/2014/main" id="{0C6E4520-4952-848B-DFDE-45E29809AB3A}"/>
              </a:ext>
            </a:extLst>
          </p:cNvPr>
          <p:cNvSpPr txBox="1"/>
          <p:nvPr/>
        </p:nvSpPr>
        <p:spPr>
          <a:xfrm>
            <a:off x="609599" y="147396"/>
            <a:ext cx="10972801" cy="992674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2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he children are talking about the places they have visited. Finish what they say.</a:t>
            </a:r>
            <a:endParaRPr sz="32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  <p:pic>
        <p:nvPicPr>
          <p:cNvPr id="5" name="Picture 4">
            <a:hlinkClick r:id="rId18" action="ppaction://hlinksldjump"/>
            <a:extLst>
              <a:ext uri="{FF2B5EF4-FFF2-40B4-BE49-F238E27FC236}">
                <a16:creationId xmlns:a16="http://schemas.microsoft.com/office/drawing/2014/main" id="{202BB094-E894-C453-F0D4-9B80A46240CA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526288" y="6306552"/>
            <a:ext cx="571500" cy="551448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21E8AE8B-54E7-A96D-FC59-122451B9D6B9}"/>
              </a:ext>
            </a:extLst>
          </p:cNvPr>
          <p:cNvPicPr>
            <a:picLocks noChangeAspect="1"/>
          </p:cNvPicPr>
          <p:nvPr/>
        </p:nvPicPr>
        <p:blipFill>
          <a:blip r:embed="rId20"/>
          <a:stretch>
            <a:fillRect/>
          </a:stretch>
        </p:blipFill>
        <p:spPr>
          <a:xfrm>
            <a:off x="1842715" y="1195943"/>
            <a:ext cx="8533384" cy="978297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28E959BF-5FEE-8628-DD74-BD20935F60E3}"/>
              </a:ext>
            </a:extLst>
          </p:cNvPr>
          <p:cNvPicPr>
            <a:picLocks noChangeAspect="1"/>
          </p:cNvPicPr>
          <p:nvPr/>
        </p:nvPicPr>
        <p:blipFill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27726" y="4486683"/>
            <a:ext cx="2626114" cy="1915286"/>
          </a:xfrm>
          <a:prstGeom prst="rect">
            <a:avLst/>
          </a:prstGeom>
        </p:spPr>
      </p:pic>
      <p:pic>
        <p:nvPicPr>
          <p:cNvPr id="9" name="Picture 21">
            <a:extLst>
              <a:ext uri="{FF2B5EF4-FFF2-40B4-BE49-F238E27FC236}">
                <a16:creationId xmlns:a16="http://schemas.microsoft.com/office/drawing/2014/main" id="{17F50107-721A-A4C0-CD97-906E3AE02921}"/>
              </a:ext>
            </a:extLst>
          </p:cNvPr>
          <p:cNvPicPr>
            <a:picLocks noChangeAspect="1"/>
          </p:cNvPicPr>
          <p:nvPr/>
        </p:nvPicPr>
        <p:blipFill>
          <a:blip r:embed="rId22">
            <a:extLst>
              <a:ext uri="{96DAC541-7B7A-43D3-8B79-37D633B846F1}">
                <asvg:svgBlip xmlns:asvg="http://schemas.microsoft.com/office/drawing/2016/SVG/main" r:embed="rId23"/>
              </a:ext>
            </a:extLst>
          </a:blip>
          <a:srcRect/>
          <a:stretch/>
        </p:blipFill>
        <p:spPr>
          <a:xfrm>
            <a:off x="5149639" y="2260747"/>
            <a:ext cx="411480" cy="389823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9741A8D0-267D-F1DE-088A-6CBB4E358D66}"/>
              </a:ext>
            </a:extLst>
          </p:cNvPr>
          <p:cNvSpPr txBox="1"/>
          <p:nvPr/>
        </p:nvSpPr>
        <p:spPr>
          <a:xfrm>
            <a:off x="5962765" y="2621868"/>
            <a:ext cx="6229235" cy="16694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ver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en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o Japan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es, I </a:t>
            </a:r>
            <a:r>
              <a:rPr lang="en-US" sz="2400" dirty="0">
                <a:solidFill>
                  <a:schemeClr val="accent4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 I </a:t>
            </a:r>
            <a:r>
              <a:rPr lang="en-US" sz="2400" dirty="0">
                <a:solidFill>
                  <a:schemeClr val="accent4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 </a:t>
            </a:r>
            <a:r>
              <a:rPr lang="en-US" sz="2400" dirty="0">
                <a:solidFill>
                  <a:srgbClr val="FF0000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hree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US" sz="2400" dirty="0">
                <a:solidFill>
                  <a:srgbClr val="FF0000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ears ago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hat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id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o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te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sushi at a fish market.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11" name="5a_c6_g1-0001">
            <a:hlinkClick r:id="" action="ppaction://media"/>
            <a:extLst>
              <a:ext uri="{FF2B5EF4-FFF2-40B4-BE49-F238E27FC236}">
                <a16:creationId xmlns:a16="http://schemas.microsoft.com/office/drawing/2014/main" id="{B8994E0D-64FA-916F-7F6F-076BE14C52A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4"/>
          <a:stretch>
            <a:fillRect/>
          </a:stretch>
        </p:blipFill>
        <p:spPr>
          <a:xfrm>
            <a:off x="-692770" y="4185809"/>
            <a:ext cx="487363" cy="487363"/>
          </a:xfrm>
          <a:prstGeom prst="rect">
            <a:avLst/>
          </a:prstGeom>
        </p:spPr>
      </p:pic>
      <p:pic>
        <p:nvPicPr>
          <p:cNvPr id="12" name="5a_c6_g1-0002">
            <a:hlinkClick r:id="" action="ppaction://media"/>
            <a:extLst>
              <a:ext uri="{FF2B5EF4-FFF2-40B4-BE49-F238E27FC236}">
                <a16:creationId xmlns:a16="http://schemas.microsoft.com/office/drawing/2014/main" id="{2EFAB8D4-EDE2-50D0-675B-D51D39FA7BC9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4"/>
          <a:stretch>
            <a:fillRect/>
          </a:stretch>
        </p:blipFill>
        <p:spPr>
          <a:xfrm>
            <a:off x="-692770" y="4743008"/>
            <a:ext cx="487362" cy="487363"/>
          </a:xfrm>
          <a:prstGeom prst="rect">
            <a:avLst/>
          </a:prstGeom>
        </p:spPr>
      </p:pic>
      <p:pic>
        <p:nvPicPr>
          <p:cNvPr id="13" name="5a_c6_g1-0003">
            <a:hlinkClick r:id="" action="ppaction://media"/>
            <a:extLst>
              <a:ext uri="{FF2B5EF4-FFF2-40B4-BE49-F238E27FC236}">
                <a16:creationId xmlns:a16="http://schemas.microsoft.com/office/drawing/2014/main" id="{60F6A265-3FE9-9B7D-948A-E5D59B6C4A8E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4"/>
          <a:stretch>
            <a:fillRect/>
          </a:stretch>
        </p:blipFill>
        <p:spPr>
          <a:xfrm>
            <a:off x="-715782" y="5285527"/>
            <a:ext cx="487362" cy="487363"/>
          </a:xfrm>
          <a:prstGeom prst="rect">
            <a:avLst/>
          </a:prstGeom>
        </p:spPr>
      </p:pic>
      <p:pic>
        <p:nvPicPr>
          <p:cNvPr id="14" name="5a_c6_g1-0004">
            <a:hlinkClick r:id="" action="ppaction://media"/>
            <a:extLst>
              <a:ext uri="{FF2B5EF4-FFF2-40B4-BE49-F238E27FC236}">
                <a16:creationId xmlns:a16="http://schemas.microsoft.com/office/drawing/2014/main" id="{91615DFB-9F31-B62A-B79A-A36B540ECBDF}"/>
              </a:ext>
            </a:extLst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9">
                  <p14:trim end="5513"/>
                </p14:media>
              </p:ext>
            </p:extLst>
          </p:nvPr>
        </p:nvPicPr>
        <p:blipFill>
          <a:blip r:embed="rId24"/>
          <a:stretch>
            <a:fillRect/>
          </a:stretch>
        </p:blipFill>
        <p:spPr>
          <a:xfrm>
            <a:off x="-708015" y="5828046"/>
            <a:ext cx="487363" cy="487362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C6713201-4D6B-0685-AB5A-08318FC32351}"/>
              </a:ext>
            </a:extLst>
          </p:cNvPr>
          <p:cNvPicPr>
            <a:picLocks noChangeAspect="1"/>
          </p:cNvPicPr>
          <p:nvPr/>
        </p:nvPicPr>
        <p:blipFill>
          <a:blip r:embed="rId25"/>
          <a:stretch>
            <a:fillRect/>
          </a:stretch>
        </p:blipFill>
        <p:spPr>
          <a:xfrm>
            <a:off x="2965911" y="2765995"/>
            <a:ext cx="1979106" cy="1666965"/>
          </a:xfrm>
          <a:prstGeom prst="rect">
            <a:avLst/>
          </a:prstGeom>
        </p:spPr>
      </p:pic>
      <p:pic>
        <p:nvPicPr>
          <p:cNvPr id="16" name="Picture 15">
            <a:extLst>
              <a:ext uri="{FF2B5EF4-FFF2-40B4-BE49-F238E27FC236}">
                <a16:creationId xmlns:a16="http://schemas.microsoft.com/office/drawing/2014/main" id="{90B8D278-9FB2-D4A5-8864-D70BC5E9E8C6}"/>
              </a:ext>
            </a:extLst>
          </p:cNvPr>
          <p:cNvPicPr>
            <a:picLocks noChangeAspect="1"/>
          </p:cNvPicPr>
          <p:nvPr/>
        </p:nvPicPr>
        <p:blipFill>
          <a:blip r:embed="rId26"/>
          <a:stretch>
            <a:fillRect/>
          </a:stretch>
        </p:blipFill>
        <p:spPr>
          <a:xfrm>
            <a:off x="333078" y="2610847"/>
            <a:ext cx="2173721" cy="1842136"/>
          </a:xfrm>
          <a:prstGeom prst="rect">
            <a:avLst/>
          </a:prstGeom>
        </p:spPr>
      </p:pic>
      <p:pic>
        <p:nvPicPr>
          <p:cNvPr id="17" name="Picture 16">
            <a:extLst>
              <a:ext uri="{FF2B5EF4-FFF2-40B4-BE49-F238E27FC236}">
                <a16:creationId xmlns:a16="http://schemas.microsoft.com/office/drawing/2014/main" id="{F1FB6B01-1CD3-70AB-B817-57CE6A5D7C52}"/>
              </a:ext>
            </a:extLst>
          </p:cNvPr>
          <p:cNvPicPr>
            <a:picLocks noChangeAspect="1"/>
          </p:cNvPicPr>
          <p:nvPr/>
        </p:nvPicPr>
        <p:blipFill>
          <a:blip r:embed="rId27">
            <a:extLst>
              <a:ext uri="{BEBA8EAE-BF5A-486C-A8C5-ECC9F3942E4B}">
                <a14:imgProps xmlns:a14="http://schemas.microsoft.com/office/drawing/2010/main">
                  <a14:imgLayer r:embed="rId28">
                    <a14:imgEffect>
                      <a14:backgroundRemoval t="10000" b="90000" l="8966" r="89655">
                        <a14:foregroundMark x1="8966" y1="43750" x2="15172" y2="55000"/>
                        <a14:foregroundMark x1="26897" y1="58750" x2="64138" y2="45000"/>
                        <a14:foregroundMark x1="24138" y1="53750" x2="64828" y2="53750"/>
                        <a14:foregroundMark x1="75862" y1="52500" x2="40690" y2="57500"/>
                        <a14:foregroundMark x1="20000" y1="55000" x2="19310" y2="61250"/>
                        <a14:foregroundMark x1="24138" y1="52500" x2="20690" y2="71250"/>
                        <a14:foregroundMark x1="20000" y1="50000" x2="20690" y2="61250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45143" y="2120926"/>
            <a:ext cx="1381318" cy="762106"/>
          </a:xfrm>
          <a:prstGeom prst="rect">
            <a:avLst/>
          </a:prstGeom>
        </p:spPr>
      </p:pic>
      <p:pic>
        <p:nvPicPr>
          <p:cNvPr id="18" name="Picture 17">
            <a:extLst>
              <a:ext uri="{FF2B5EF4-FFF2-40B4-BE49-F238E27FC236}">
                <a16:creationId xmlns:a16="http://schemas.microsoft.com/office/drawing/2014/main" id="{11FDA620-2893-CE89-45B9-9C1D6AB112BF}"/>
              </a:ext>
            </a:extLst>
          </p:cNvPr>
          <p:cNvPicPr>
            <a:picLocks noChangeAspect="1"/>
          </p:cNvPicPr>
          <p:nvPr/>
        </p:nvPicPr>
        <p:blipFill>
          <a:blip r:embed="rId29">
            <a:extLst>
              <a:ext uri="{BEBA8EAE-BF5A-486C-A8C5-ECC9F3942E4B}">
                <a14:imgProps xmlns:a14="http://schemas.microsoft.com/office/drawing/2010/main">
                  <a14:imgLayer r:embed="rId30">
                    <a14:imgEffect>
                      <a14:backgroundRemoval t="10000" b="90000" l="10000" r="90000">
                        <a14:foregroundMark x1="67320" y1="60759" x2="71895" y2="43038"/>
                        <a14:foregroundMark x1="72549" y1="43038" x2="36601" y2="58228"/>
                        <a14:foregroundMark x1="54902" y1="56962" x2="29412" y2="63291"/>
                        <a14:foregroundMark x1="47059" y1="43038" x2="24183" y2="63291"/>
                        <a14:foregroundMark x1="32680" y1="68354" x2="27451" y2="70886"/>
                        <a14:foregroundMark x1="26144" y1="70886" x2="25490" y2="77215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2636656" y="2174944"/>
            <a:ext cx="1457528" cy="752580"/>
          </a:xfrm>
          <a:prstGeom prst="rect">
            <a:avLst/>
          </a:prstGeom>
        </p:spPr>
      </p:pic>
      <p:sp>
        <p:nvSpPr>
          <p:cNvPr id="19" name="TextBox 18">
            <a:extLst>
              <a:ext uri="{FF2B5EF4-FFF2-40B4-BE49-F238E27FC236}">
                <a16:creationId xmlns:a16="http://schemas.microsoft.com/office/drawing/2014/main" id="{45D79FA6-7262-562F-2876-B89592405692}"/>
              </a:ext>
            </a:extLst>
          </p:cNvPr>
          <p:cNvSpPr txBox="1"/>
          <p:nvPr/>
        </p:nvSpPr>
        <p:spPr>
          <a:xfrm>
            <a:off x="5088121" y="2601990"/>
            <a:ext cx="1347297" cy="3264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  <a:endParaRPr lang="en-US" sz="2400" dirty="0"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</a:p>
          <a:p>
            <a:pPr>
              <a:lnSpc>
                <a:spcPct val="108000"/>
              </a:lnSpc>
            </a:pPr>
            <a:endParaRPr lang="en-US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  <a:endParaRPr lang="en-US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0405F9FB-4CEC-0C98-0209-8634D5018B14}"/>
              </a:ext>
            </a:extLst>
          </p:cNvPr>
          <p:cNvSpPr txBox="1"/>
          <p:nvPr/>
        </p:nvSpPr>
        <p:spPr>
          <a:xfrm>
            <a:off x="5960719" y="4192897"/>
            <a:ext cx="6229235" cy="206832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739775" indent="-739775"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ow about you?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ver been 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Japan?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s, I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 I </a:t>
            </a:r>
            <a:r>
              <a:rPr lang="en-US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 </a:t>
            </a:r>
            <a:r>
              <a:rPr lang="en-US" sz="2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ast Christmas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hat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id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o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 </a:t>
            </a:r>
            <a:r>
              <a:rPr lang="en-US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skiing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21" name="Rectangle: Rounded Corners 20">
            <a:extLst>
              <a:ext uri="{FF2B5EF4-FFF2-40B4-BE49-F238E27FC236}">
                <a16:creationId xmlns:a16="http://schemas.microsoft.com/office/drawing/2014/main" id="{E88A0B49-CFE4-0CE3-A5C7-FF97883C9EDD}"/>
              </a:ext>
            </a:extLst>
          </p:cNvPr>
          <p:cNvSpPr/>
          <p:nvPr/>
        </p:nvSpPr>
        <p:spPr>
          <a:xfrm>
            <a:off x="4134664" y="1352308"/>
            <a:ext cx="2753815" cy="344412"/>
          </a:xfrm>
          <a:prstGeom prst="round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23" name="Oval 22">
            <a:extLst>
              <a:ext uri="{FF2B5EF4-FFF2-40B4-BE49-F238E27FC236}">
                <a16:creationId xmlns:a16="http://schemas.microsoft.com/office/drawing/2014/main" id="{D89C9649-DC2C-F9D0-A805-3F62AB5248C5}"/>
              </a:ext>
            </a:extLst>
          </p:cNvPr>
          <p:cNvSpPr/>
          <p:nvPr/>
        </p:nvSpPr>
        <p:spPr>
          <a:xfrm>
            <a:off x="3178161" y="4048549"/>
            <a:ext cx="1553497" cy="471948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4" name="Oval 23">
            <a:extLst>
              <a:ext uri="{FF2B5EF4-FFF2-40B4-BE49-F238E27FC236}">
                <a16:creationId xmlns:a16="http://schemas.microsoft.com/office/drawing/2014/main" id="{A60C0E53-3A66-C0D7-F738-C47F5FA8C1E3}"/>
              </a:ext>
            </a:extLst>
          </p:cNvPr>
          <p:cNvSpPr/>
          <p:nvPr/>
        </p:nvSpPr>
        <p:spPr>
          <a:xfrm>
            <a:off x="621774" y="4009220"/>
            <a:ext cx="1553497" cy="471948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5" name="Rectangle: Rounded Corners 24">
            <a:extLst>
              <a:ext uri="{FF2B5EF4-FFF2-40B4-BE49-F238E27FC236}">
                <a16:creationId xmlns:a16="http://schemas.microsoft.com/office/drawing/2014/main" id="{B4EA937A-29BC-5165-5500-E8E3D055A86A}"/>
              </a:ext>
            </a:extLst>
          </p:cNvPr>
          <p:cNvSpPr/>
          <p:nvPr/>
        </p:nvSpPr>
        <p:spPr>
          <a:xfrm>
            <a:off x="2266535" y="1666940"/>
            <a:ext cx="1145259" cy="344412"/>
          </a:xfrm>
          <a:prstGeom prst="round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>
              <a:latin typeface="Calibri" panose="020F0502020204030204" pitchFamily="34" charset="0"/>
            </a:endParaRPr>
          </a:p>
        </p:txBody>
      </p:sp>
      <p:pic>
        <p:nvPicPr>
          <p:cNvPr id="26" name="5a_c6_g1-0004">
            <a:hlinkClick r:id="" action="ppaction://media"/>
            <a:extLst>
              <a:ext uri="{FF2B5EF4-FFF2-40B4-BE49-F238E27FC236}">
                <a16:creationId xmlns:a16="http://schemas.microsoft.com/office/drawing/2014/main" id="{739F7B32-4CD5-4BD7-0931-68E99C3553E5}"/>
              </a:ext>
            </a:extLst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9">
                  <p14:trim st="3252"/>
                </p14:media>
              </p:ext>
            </p:extLst>
          </p:nvPr>
        </p:nvPicPr>
        <p:blipFill>
          <a:blip r:embed="rId24"/>
          <a:stretch>
            <a:fillRect/>
          </a:stretch>
        </p:blipFill>
        <p:spPr>
          <a:xfrm>
            <a:off x="12792684" y="4118731"/>
            <a:ext cx="487363" cy="487362"/>
          </a:xfrm>
          <a:prstGeom prst="rect">
            <a:avLst/>
          </a:prstGeom>
        </p:spPr>
      </p:pic>
      <p:pic>
        <p:nvPicPr>
          <p:cNvPr id="27" name="5a_c6_g1-0005">
            <a:hlinkClick r:id="" action="ppaction://media"/>
            <a:extLst>
              <a:ext uri="{FF2B5EF4-FFF2-40B4-BE49-F238E27FC236}">
                <a16:creationId xmlns:a16="http://schemas.microsoft.com/office/drawing/2014/main" id="{56033FDA-AC7D-C384-474E-0BB754A41015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24"/>
          <a:stretch>
            <a:fillRect/>
          </a:stretch>
        </p:blipFill>
        <p:spPr>
          <a:xfrm>
            <a:off x="12792684" y="4712638"/>
            <a:ext cx="487362" cy="487363"/>
          </a:xfrm>
          <a:prstGeom prst="rect">
            <a:avLst/>
          </a:prstGeom>
        </p:spPr>
      </p:pic>
      <p:pic>
        <p:nvPicPr>
          <p:cNvPr id="28" name="5a_c6_g1-0006">
            <a:hlinkClick r:id="" action="ppaction://media"/>
            <a:extLst>
              <a:ext uri="{FF2B5EF4-FFF2-40B4-BE49-F238E27FC236}">
                <a16:creationId xmlns:a16="http://schemas.microsoft.com/office/drawing/2014/main" id="{3222BF41-768C-1A2F-D43C-F960DA09B8E4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24"/>
          <a:stretch>
            <a:fillRect/>
          </a:stretch>
        </p:blipFill>
        <p:spPr>
          <a:xfrm>
            <a:off x="12729425" y="5300805"/>
            <a:ext cx="487363" cy="487362"/>
          </a:xfrm>
          <a:prstGeom prst="rect">
            <a:avLst/>
          </a:prstGeom>
        </p:spPr>
      </p:pic>
      <p:pic>
        <p:nvPicPr>
          <p:cNvPr id="29" name="5a_c6_g1-0007">
            <a:hlinkClick r:id="" action="ppaction://media"/>
            <a:extLst>
              <a:ext uri="{FF2B5EF4-FFF2-40B4-BE49-F238E27FC236}">
                <a16:creationId xmlns:a16="http://schemas.microsoft.com/office/drawing/2014/main" id="{092050EA-3E44-88B9-155C-F43A1F0A51E3}"/>
              </a:ext>
            </a:extLst>
          </p:cNvPr>
          <p:cNvPicPr>
            <a:picLocks noChangeAspect="1"/>
          </p:cNvPicPr>
          <p:nvPr>
            <a:audioFile r:link="rId15"/>
            <p:extLst>
              <p:ext uri="{DAA4B4D4-6D71-4841-9C94-3DE7FCFB9230}">
                <p14:media xmlns:p14="http://schemas.microsoft.com/office/powerpoint/2010/main" r:embed="rId14"/>
              </p:ext>
            </p:extLst>
          </p:nvPr>
        </p:nvPicPr>
        <p:blipFill>
          <a:blip r:embed="rId24"/>
          <a:stretch>
            <a:fillRect/>
          </a:stretch>
        </p:blipFill>
        <p:spPr>
          <a:xfrm>
            <a:off x="12792684" y="5935604"/>
            <a:ext cx="487362" cy="48736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820412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6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4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56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65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6" fill="hold">
                      <p:stCondLst>
                        <p:cond delay="0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9" dur="2952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2952"/>
                            </p:stCondLst>
                            <p:childTnLst>
                              <p:par>
                                <p:cTn id="71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2" dur="5400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8352"/>
                            </p:stCondLst>
                            <p:childTnLst>
                              <p:par>
                                <p:cTn id="7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5" dur="2448" fill="hold"/>
                                        <p:tgtEl>
                                          <p:spTgt spid="1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10800"/>
                            </p:stCondLst>
                            <p:childTnLst>
                              <p:par>
                                <p:cTn id="77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8" dur="2719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3519"/>
                            </p:stCondLst>
                            <p:childTnLst>
                              <p:par>
                                <p:cTn id="80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1" dur="4980" fill="hold"/>
                                        <p:tgtEl>
                                          <p:spTgt spid="2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8499"/>
                            </p:stCondLst>
                            <p:childTnLst>
                              <p:par>
                                <p:cTn id="83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4" dur="5736" fill="hold"/>
                                        <p:tgtEl>
                                          <p:spTgt spid="2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24235"/>
                            </p:stCondLst>
                            <p:childTnLst>
                              <p:par>
                                <p:cTn id="86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7" dur="2400" fill="hold"/>
                                        <p:tgtEl>
                                          <p:spTgt spid="2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26635"/>
                            </p:stCondLst>
                            <p:childTnLst>
                              <p:par>
                                <p:cTn id="89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0" dur="2280" fill="hold"/>
                                        <p:tgtEl>
                                          <p:spTgt spid="2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80000">
                <p:cTn id="9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  <p:audio>
              <p:cMediaNode vol="80000">
                <p:cTn id="9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audio>
              <p:cMediaNode vol="80000">
                <p:cTn id="9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3"/>
                </p:tgtEl>
              </p:cMediaNode>
            </p:audio>
            <p:audio>
              <p:cMediaNode vol="80000">
                <p:cTn id="9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audio>
              <p:cMediaNode vol="80000">
                <p:cTn id="9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6"/>
                </p:tgtEl>
              </p:cMediaNode>
            </p:audio>
            <p:audio>
              <p:cMediaNode vol="80000">
                <p:cTn id="9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7"/>
                </p:tgtEl>
              </p:cMediaNode>
            </p:audio>
            <p:audio>
              <p:cMediaNode vol="80000">
                <p:cTn id="9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8"/>
                </p:tgtEl>
              </p:cMediaNode>
            </p:audio>
            <p:audio>
              <p:cMediaNode vol="80000">
                <p:cTn id="9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9"/>
                </p:tgtEl>
              </p:cMediaNode>
            </p:audio>
          </p:childTnLst>
        </p:cTn>
      </p:par>
    </p:tnLst>
    <p:bldLst>
      <p:bldP spid="10" grpId="0" uiExpand="1" build="p"/>
      <p:bldP spid="20" grpId="0" uiExpand="1" build="allAtOnce"/>
      <p:bldP spid="21" grpId="0" animBg="1"/>
      <p:bldP spid="21" grpId="1" animBg="1"/>
      <p:bldP spid="23" grpId="0" animBg="1"/>
      <p:bldP spid="23" grpId="1" animBg="1"/>
      <p:bldP spid="24" grpId="0" animBg="1"/>
      <p:bldP spid="24" grpId="1" animBg="1"/>
      <p:bldP spid="25" grpId="0" animBg="1"/>
      <p:bldP spid="25" grpId="1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7AAD91A-AE00-0663-507B-3F2812F201D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0" name="Picture 59">
            <a:extLst>
              <a:ext uri="{FF2B5EF4-FFF2-40B4-BE49-F238E27FC236}">
                <a16:creationId xmlns:a16="http://schemas.microsoft.com/office/drawing/2014/main" id="{E8B49DC0-1CC7-7061-528E-835AFFCF11B2}"/>
              </a:ext>
            </a:extLst>
          </p:cNvPr>
          <p:cNvPicPr>
            <a:picLocks noChangeAspect="1"/>
          </p:cNvPicPr>
          <p:nvPr/>
        </p:nvPicPr>
        <p:blipFill>
          <a:blip r:embed="rId20"/>
          <a:stretch>
            <a:fillRect/>
          </a:stretch>
        </p:blipFill>
        <p:spPr>
          <a:xfrm>
            <a:off x="479225" y="2550941"/>
            <a:ext cx="2030816" cy="1741660"/>
          </a:xfrm>
          <a:prstGeom prst="rect">
            <a:avLst/>
          </a:prstGeom>
        </p:spPr>
      </p:pic>
      <p:pic>
        <p:nvPicPr>
          <p:cNvPr id="58" name="Picture 57">
            <a:extLst>
              <a:ext uri="{FF2B5EF4-FFF2-40B4-BE49-F238E27FC236}">
                <a16:creationId xmlns:a16="http://schemas.microsoft.com/office/drawing/2014/main" id="{2239E457-64DF-9A7A-83C8-038BEC945EA3}"/>
              </a:ext>
            </a:extLst>
          </p:cNvPr>
          <p:cNvPicPr>
            <a:picLocks noChangeAspect="1"/>
          </p:cNvPicPr>
          <p:nvPr/>
        </p:nvPicPr>
        <p:blipFill>
          <a:blip r:embed="rId21"/>
          <a:stretch>
            <a:fillRect/>
          </a:stretch>
        </p:blipFill>
        <p:spPr>
          <a:xfrm>
            <a:off x="2941435" y="2671599"/>
            <a:ext cx="1948065" cy="1577613"/>
          </a:xfrm>
          <a:prstGeom prst="rect">
            <a:avLst/>
          </a:prstGeom>
        </p:spPr>
      </p:pic>
      <p:sp>
        <p:nvSpPr>
          <p:cNvPr id="3" name="object 81">
            <a:extLst>
              <a:ext uri="{FF2B5EF4-FFF2-40B4-BE49-F238E27FC236}">
                <a16:creationId xmlns:a16="http://schemas.microsoft.com/office/drawing/2014/main" id="{978A3B87-B7FF-7CCF-FA7F-ABEAB5FCFDDE}"/>
              </a:ext>
            </a:extLst>
          </p:cNvPr>
          <p:cNvSpPr txBox="1"/>
          <p:nvPr/>
        </p:nvSpPr>
        <p:spPr>
          <a:xfrm>
            <a:off x="609599" y="147396"/>
            <a:ext cx="10972801" cy="992674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2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he children are talking about the places they have visited. Finish what they say.</a:t>
            </a:r>
            <a:endParaRPr sz="32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  <p:pic>
        <p:nvPicPr>
          <p:cNvPr id="26" name="Picture 25">
            <a:extLst>
              <a:ext uri="{FF2B5EF4-FFF2-40B4-BE49-F238E27FC236}">
                <a16:creationId xmlns:a16="http://schemas.microsoft.com/office/drawing/2014/main" id="{D847E925-D60C-F295-5E66-38C0F3FED729}"/>
              </a:ext>
            </a:extLst>
          </p:cNvPr>
          <p:cNvPicPr>
            <a:picLocks noChangeAspect="1"/>
          </p:cNvPicPr>
          <p:nvPr/>
        </p:nvPicPr>
        <p:blipFill>
          <a:blip r:embed="rId22"/>
          <a:stretch>
            <a:fillRect/>
          </a:stretch>
        </p:blipFill>
        <p:spPr>
          <a:xfrm>
            <a:off x="1842715" y="1195943"/>
            <a:ext cx="8533384" cy="978297"/>
          </a:xfrm>
          <a:prstGeom prst="rect">
            <a:avLst/>
          </a:prstGeom>
        </p:spPr>
      </p:pic>
      <p:pic>
        <p:nvPicPr>
          <p:cNvPr id="27" name="Picture 26">
            <a:extLst>
              <a:ext uri="{FF2B5EF4-FFF2-40B4-BE49-F238E27FC236}">
                <a16:creationId xmlns:a16="http://schemas.microsoft.com/office/drawing/2014/main" id="{6BB369CF-438B-75C7-1826-24502AEF8DCF}"/>
              </a:ext>
            </a:extLst>
          </p:cNvPr>
          <p:cNvPicPr>
            <a:picLocks noChangeAspect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27726" y="4486683"/>
            <a:ext cx="2626114" cy="1915286"/>
          </a:xfrm>
          <a:prstGeom prst="rect">
            <a:avLst/>
          </a:prstGeom>
        </p:spPr>
      </p:pic>
      <p:pic>
        <p:nvPicPr>
          <p:cNvPr id="28" name="Picture 21">
            <a:extLst>
              <a:ext uri="{FF2B5EF4-FFF2-40B4-BE49-F238E27FC236}">
                <a16:creationId xmlns:a16="http://schemas.microsoft.com/office/drawing/2014/main" id="{210657B6-F03B-DD68-9309-A27922ED1D3A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96DAC541-7B7A-43D3-8B79-37D633B846F1}">
                <asvg:svgBlip xmlns:asvg="http://schemas.microsoft.com/office/drawing/2016/SVG/main" r:embed="rId25"/>
              </a:ext>
            </a:extLst>
          </a:blip>
          <a:srcRect/>
          <a:stretch/>
        </p:blipFill>
        <p:spPr>
          <a:xfrm>
            <a:off x="5022639" y="2273447"/>
            <a:ext cx="411480" cy="389823"/>
          </a:xfrm>
          <a:prstGeom prst="rect">
            <a:avLst/>
          </a:prstGeom>
        </p:spPr>
      </p:pic>
      <p:pic>
        <p:nvPicPr>
          <p:cNvPr id="45" name="Picture 44">
            <a:extLst>
              <a:ext uri="{FF2B5EF4-FFF2-40B4-BE49-F238E27FC236}">
                <a16:creationId xmlns:a16="http://schemas.microsoft.com/office/drawing/2014/main" id="{8BCF0B51-87B8-012E-D543-22F9260A9551}"/>
              </a:ext>
            </a:extLst>
          </p:cNvPr>
          <p:cNvPicPr>
            <a:picLocks noChangeAspect="1"/>
          </p:cNvPicPr>
          <p:nvPr/>
        </p:nvPicPr>
        <p:blipFill>
          <a:blip r:embed="rId26">
            <a:extLst>
              <a:ext uri="{BEBA8EAE-BF5A-486C-A8C5-ECC9F3942E4B}">
                <a14:imgProps xmlns:a14="http://schemas.microsoft.com/office/drawing/2010/main">
                  <a14:imgLayer r:embed="rId27">
                    <a14:imgEffect>
                      <a14:backgroundRemoval t="10000" b="90000" l="8966" r="89655">
                        <a14:foregroundMark x1="8966" y1="43750" x2="15172" y2="55000"/>
                        <a14:foregroundMark x1="26897" y1="58750" x2="64138" y2="45000"/>
                        <a14:foregroundMark x1="24138" y1="53750" x2="64828" y2="53750"/>
                        <a14:foregroundMark x1="75862" y1="52500" x2="40690" y2="57500"/>
                        <a14:foregroundMark x1="20000" y1="55000" x2="19310" y2="61250"/>
                        <a14:foregroundMark x1="24138" y1="52500" x2="20690" y2="71250"/>
                        <a14:foregroundMark x1="20000" y1="50000" x2="20690" y2="61250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45143" y="2120926"/>
            <a:ext cx="1381318" cy="762106"/>
          </a:xfrm>
          <a:prstGeom prst="rect">
            <a:avLst/>
          </a:prstGeom>
        </p:spPr>
      </p:pic>
      <p:pic>
        <p:nvPicPr>
          <p:cNvPr id="48" name="Picture 47">
            <a:extLst>
              <a:ext uri="{FF2B5EF4-FFF2-40B4-BE49-F238E27FC236}">
                <a16:creationId xmlns:a16="http://schemas.microsoft.com/office/drawing/2014/main" id="{C97D0730-62FE-2E9B-1AD3-4C34694B0309}"/>
              </a:ext>
            </a:extLst>
          </p:cNvPr>
          <p:cNvPicPr>
            <a:picLocks noChangeAspect="1"/>
          </p:cNvPicPr>
          <p:nvPr/>
        </p:nvPicPr>
        <p:blipFill>
          <a:blip r:embed="rId28">
            <a:extLst>
              <a:ext uri="{BEBA8EAE-BF5A-486C-A8C5-ECC9F3942E4B}">
                <a14:imgProps xmlns:a14="http://schemas.microsoft.com/office/drawing/2010/main">
                  <a14:imgLayer r:embed="rId29">
                    <a14:imgEffect>
                      <a14:backgroundRemoval t="10000" b="90000" l="10000" r="90000">
                        <a14:foregroundMark x1="67320" y1="60759" x2="71895" y2="43038"/>
                        <a14:foregroundMark x1="72549" y1="43038" x2="36601" y2="58228"/>
                        <a14:foregroundMark x1="54902" y1="56962" x2="29412" y2="63291"/>
                        <a14:foregroundMark x1="47059" y1="43038" x2="24183" y2="63291"/>
                        <a14:foregroundMark x1="32680" y1="68354" x2="27451" y2="70886"/>
                        <a14:foregroundMark x1="26144" y1="70886" x2="25490" y2="77215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2636656" y="2174944"/>
            <a:ext cx="1457528" cy="752580"/>
          </a:xfrm>
          <a:prstGeom prst="rect">
            <a:avLst/>
          </a:prstGeom>
        </p:spPr>
      </p:pic>
      <p:sp>
        <p:nvSpPr>
          <p:cNvPr id="49" name="TextBox 48">
            <a:extLst>
              <a:ext uri="{FF2B5EF4-FFF2-40B4-BE49-F238E27FC236}">
                <a16:creationId xmlns:a16="http://schemas.microsoft.com/office/drawing/2014/main" id="{B00FD5C4-D99D-FCCC-2A11-B132996CD717}"/>
              </a:ext>
            </a:extLst>
          </p:cNvPr>
          <p:cNvSpPr txBox="1"/>
          <p:nvPr/>
        </p:nvSpPr>
        <p:spPr>
          <a:xfrm>
            <a:off x="4961121" y="2614690"/>
            <a:ext cx="1347297" cy="3264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  <a:endParaRPr lang="en-US" sz="2400" dirty="0"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</a:p>
          <a:p>
            <a:pPr>
              <a:lnSpc>
                <a:spcPct val="108000"/>
              </a:lnSpc>
            </a:pPr>
            <a:endParaRPr lang="en-US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  <a:endParaRPr lang="en-US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</p:txBody>
      </p:sp>
      <p:sp>
        <p:nvSpPr>
          <p:cNvPr id="51" name="Rectangle: Rounded Corners 50">
            <a:extLst>
              <a:ext uri="{FF2B5EF4-FFF2-40B4-BE49-F238E27FC236}">
                <a16:creationId xmlns:a16="http://schemas.microsoft.com/office/drawing/2014/main" id="{E4AF317B-FA4C-B418-CC4C-B2EA97387280}"/>
              </a:ext>
            </a:extLst>
          </p:cNvPr>
          <p:cNvSpPr/>
          <p:nvPr/>
        </p:nvSpPr>
        <p:spPr>
          <a:xfrm>
            <a:off x="2318565" y="1326908"/>
            <a:ext cx="1593036" cy="336792"/>
          </a:xfrm>
          <a:prstGeom prst="round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52" name="Oval 51">
            <a:extLst>
              <a:ext uri="{FF2B5EF4-FFF2-40B4-BE49-F238E27FC236}">
                <a16:creationId xmlns:a16="http://schemas.microsoft.com/office/drawing/2014/main" id="{44DA4DEB-7A35-9172-E051-BE1F68C89C87}"/>
              </a:ext>
            </a:extLst>
          </p:cNvPr>
          <p:cNvSpPr/>
          <p:nvPr/>
        </p:nvSpPr>
        <p:spPr>
          <a:xfrm>
            <a:off x="3178161" y="4048549"/>
            <a:ext cx="1553497" cy="256751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Oval 52">
            <a:extLst>
              <a:ext uri="{FF2B5EF4-FFF2-40B4-BE49-F238E27FC236}">
                <a16:creationId xmlns:a16="http://schemas.microsoft.com/office/drawing/2014/main" id="{955C5A51-EEE4-3FD8-9BC9-CB518ED8E7C6}"/>
              </a:ext>
            </a:extLst>
          </p:cNvPr>
          <p:cNvSpPr/>
          <p:nvPr/>
        </p:nvSpPr>
        <p:spPr>
          <a:xfrm>
            <a:off x="990600" y="4009220"/>
            <a:ext cx="1184671" cy="308780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4" name="Rectangle: Rounded Corners 53">
            <a:extLst>
              <a:ext uri="{FF2B5EF4-FFF2-40B4-BE49-F238E27FC236}">
                <a16:creationId xmlns:a16="http://schemas.microsoft.com/office/drawing/2014/main" id="{3588407B-949E-09A3-DE23-E92EBB823119}"/>
              </a:ext>
            </a:extLst>
          </p:cNvPr>
          <p:cNvSpPr/>
          <p:nvPr/>
        </p:nvSpPr>
        <p:spPr>
          <a:xfrm>
            <a:off x="7473535" y="1679640"/>
            <a:ext cx="1784765" cy="344412"/>
          </a:xfrm>
          <a:prstGeom prst="round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55" name="TextBox 54">
            <a:extLst>
              <a:ext uri="{FF2B5EF4-FFF2-40B4-BE49-F238E27FC236}">
                <a16:creationId xmlns:a16="http://schemas.microsoft.com/office/drawing/2014/main" id="{48830126-AF89-B800-8A5F-4B308B3697B9}"/>
              </a:ext>
            </a:extLst>
          </p:cNvPr>
          <p:cNvSpPr txBox="1"/>
          <p:nvPr/>
        </p:nvSpPr>
        <p:spPr>
          <a:xfrm>
            <a:off x="5835765" y="2611743"/>
            <a:ext cx="6229235" cy="16694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ver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en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o Thailand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es, I </a:t>
            </a:r>
            <a:r>
              <a:rPr lang="en-US" sz="2400" dirty="0">
                <a:solidFill>
                  <a:schemeClr val="accent4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 I </a:t>
            </a:r>
            <a:r>
              <a:rPr lang="en-US" sz="2400" dirty="0">
                <a:solidFill>
                  <a:schemeClr val="accent4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 </a:t>
            </a:r>
            <a:r>
              <a:rPr lang="en-US" sz="2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last summer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hat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id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o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xplored 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 cave.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56" name="TextBox 55">
            <a:extLst>
              <a:ext uri="{FF2B5EF4-FFF2-40B4-BE49-F238E27FC236}">
                <a16:creationId xmlns:a16="http://schemas.microsoft.com/office/drawing/2014/main" id="{A6C0DBFE-8EEC-7EBF-7F83-D557C8A6ABCD}"/>
              </a:ext>
            </a:extLst>
          </p:cNvPr>
          <p:cNvSpPr txBox="1"/>
          <p:nvPr/>
        </p:nvSpPr>
        <p:spPr>
          <a:xfrm>
            <a:off x="5848465" y="4206686"/>
            <a:ext cx="6470535" cy="206832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ow about you?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ver been 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Thailand?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es, I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 I </a:t>
            </a:r>
            <a:r>
              <a:rPr lang="en-US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 </a:t>
            </a:r>
            <a:r>
              <a:rPr lang="en-US" sz="2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n 2021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hat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id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o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 </a:t>
            </a:r>
            <a:r>
              <a:rPr lang="en-US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on a boat trip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1" name="5a_c6_g1-0009">
            <a:hlinkClick r:id="" action="ppaction://media"/>
            <a:extLst>
              <a:ext uri="{FF2B5EF4-FFF2-40B4-BE49-F238E27FC236}">
                <a16:creationId xmlns:a16="http://schemas.microsoft.com/office/drawing/2014/main" id="{6205B196-A0C3-8599-0469-D6F1F3C4138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30"/>
          <a:stretch>
            <a:fillRect/>
          </a:stretch>
        </p:blipFill>
        <p:spPr>
          <a:xfrm>
            <a:off x="-680365" y="4214384"/>
            <a:ext cx="487363" cy="487363"/>
          </a:xfrm>
          <a:prstGeom prst="rect">
            <a:avLst/>
          </a:prstGeom>
        </p:spPr>
      </p:pic>
      <p:pic>
        <p:nvPicPr>
          <p:cNvPr id="62" name="5a_c6_g1-0010">
            <a:hlinkClick r:id="" action="ppaction://media"/>
            <a:extLst>
              <a:ext uri="{FF2B5EF4-FFF2-40B4-BE49-F238E27FC236}">
                <a16:creationId xmlns:a16="http://schemas.microsoft.com/office/drawing/2014/main" id="{EBC24264-F236-B19E-4BF3-11F06E077557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30"/>
          <a:stretch>
            <a:fillRect/>
          </a:stretch>
        </p:blipFill>
        <p:spPr>
          <a:xfrm>
            <a:off x="-680365" y="4907487"/>
            <a:ext cx="487362" cy="487362"/>
          </a:xfrm>
          <a:prstGeom prst="rect">
            <a:avLst/>
          </a:prstGeom>
        </p:spPr>
      </p:pic>
      <p:pic>
        <p:nvPicPr>
          <p:cNvPr id="63" name="5a_c6_g1-0008">
            <a:hlinkClick r:id="" action="ppaction://media"/>
            <a:extLst>
              <a:ext uri="{FF2B5EF4-FFF2-40B4-BE49-F238E27FC236}">
                <a16:creationId xmlns:a16="http://schemas.microsoft.com/office/drawing/2014/main" id="{0E74C628-2993-A70E-9EB6-507A4E4DE000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30"/>
          <a:stretch>
            <a:fillRect/>
          </a:stretch>
        </p:blipFill>
        <p:spPr>
          <a:xfrm>
            <a:off x="-680365" y="3611910"/>
            <a:ext cx="487362" cy="487363"/>
          </a:xfrm>
          <a:prstGeom prst="rect">
            <a:avLst/>
          </a:prstGeom>
        </p:spPr>
      </p:pic>
      <p:pic>
        <p:nvPicPr>
          <p:cNvPr id="64" name="5a_c6_g1-0011 1st">
            <a:hlinkClick r:id="" action="ppaction://media"/>
            <a:extLst>
              <a:ext uri="{FF2B5EF4-FFF2-40B4-BE49-F238E27FC236}">
                <a16:creationId xmlns:a16="http://schemas.microsoft.com/office/drawing/2014/main" id="{51C81B81-DA8A-BE0F-6A04-C295E8D5D782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30"/>
          <a:stretch>
            <a:fillRect/>
          </a:stretch>
        </p:blipFill>
        <p:spPr>
          <a:xfrm>
            <a:off x="-680366" y="5600589"/>
            <a:ext cx="487363" cy="487362"/>
          </a:xfrm>
          <a:prstGeom prst="rect">
            <a:avLst/>
          </a:prstGeom>
        </p:spPr>
      </p:pic>
      <p:pic>
        <p:nvPicPr>
          <p:cNvPr id="65" name="5a_c6_g1-0011 2nd">
            <a:hlinkClick r:id="" action="ppaction://media"/>
            <a:extLst>
              <a:ext uri="{FF2B5EF4-FFF2-40B4-BE49-F238E27FC236}">
                <a16:creationId xmlns:a16="http://schemas.microsoft.com/office/drawing/2014/main" id="{27FDA16F-8E47-82C8-AA02-A671616810E3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30"/>
          <a:stretch>
            <a:fillRect/>
          </a:stretch>
        </p:blipFill>
        <p:spPr>
          <a:xfrm>
            <a:off x="12443529" y="3925937"/>
            <a:ext cx="487363" cy="487363"/>
          </a:xfrm>
          <a:prstGeom prst="rect">
            <a:avLst/>
          </a:prstGeom>
        </p:spPr>
      </p:pic>
      <p:pic>
        <p:nvPicPr>
          <p:cNvPr id="66" name="5a_c6_g1-0012">
            <a:hlinkClick r:id="" action="ppaction://media"/>
            <a:extLst>
              <a:ext uri="{FF2B5EF4-FFF2-40B4-BE49-F238E27FC236}">
                <a16:creationId xmlns:a16="http://schemas.microsoft.com/office/drawing/2014/main" id="{0CD3DE1E-5518-5F91-AABD-31FC5C0E3040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30"/>
          <a:stretch>
            <a:fillRect/>
          </a:stretch>
        </p:blipFill>
        <p:spPr>
          <a:xfrm>
            <a:off x="12443530" y="4672856"/>
            <a:ext cx="487362" cy="487362"/>
          </a:xfrm>
          <a:prstGeom prst="rect">
            <a:avLst/>
          </a:prstGeom>
        </p:spPr>
      </p:pic>
      <p:pic>
        <p:nvPicPr>
          <p:cNvPr id="67" name="5a_c6_g1-0013">
            <a:hlinkClick r:id="" action="ppaction://media"/>
            <a:extLst>
              <a:ext uri="{FF2B5EF4-FFF2-40B4-BE49-F238E27FC236}">
                <a16:creationId xmlns:a16="http://schemas.microsoft.com/office/drawing/2014/main" id="{C19B8ABD-D88D-7AB3-775C-AB413700370D}"/>
              </a:ext>
            </a:extLst>
          </p:cNvPr>
          <p:cNvPicPr>
            <a:picLocks noChangeAspect="1"/>
          </p:cNvPicPr>
          <p:nvPr>
            <a:audioFile r:link="rId15"/>
            <p:extLst>
              <p:ext uri="{DAA4B4D4-6D71-4841-9C94-3DE7FCFB9230}">
                <p14:media xmlns:p14="http://schemas.microsoft.com/office/powerpoint/2010/main" r:embed="rId14"/>
              </p:ext>
            </p:extLst>
          </p:nvPr>
        </p:nvPicPr>
        <p:blipFill>
          <a:blip r:embed="rId30"/>
          <a:stretch>
            <a:fillRect/>
          </a:stretch>
        </p:blipFill>
        <p:spPr>
          <a:xfrm>
            <a:off x="12443529" y="5435254"/>
            <a:ext cx="487362" cy="487362"/>
          </a:xfrm>
          <a:prstGeom prst="rect">
            <a:avLst/>
          </a:prstGeom>
        </p:spPr>
      </p:pic>
      <p:pic>
        <p:nvPicPr>
          <p:cNvPr id="68" name="5a_c6_g1-0014">
            <a:hlinkClick r:id="" action="ppaction://media"/>
            <a:extLst>
              <a:ext uri="{FF2B5EF4-FFF2-40B4-BE49-F238E27FC236}">
                <a16:creationId xmlns:a16="http://schemas.microsoft.com/office/drawing/2014/main" id="{290D67BF-D303-E657-93DE-F3AFF85786CF}"/>
              </a:ext>
            </a:extLst>
          </p:cNvPr>
          <p:cNvPicPr>
            <a:picLocks noChangeAspect="1"/>
          </p:cNvPicPr>
          <p:nvPr>
            <a:audioFile r:link="rId17"/>
            <p:extLst>
              <p:ext uri="{DAA4B4D4-6D71-4841-9C94-3DE7FCFB9230}">
                <p14:media xmlns:p14="http://schemas.microsoft.com/office/powerpoint/2010/main" r:embed="rId16"/>
              </p:ext>
            </p:extLst>
          </p:nvPr>
        </p:nvPicPr>
        <p:blipFill>
          <a:blip r:embed="rId30"/>
          <a:stretch>
            <a:fillRect/>
          </a:stretch>
        </p:blipFill>
        <p:spPr>
          <a:xfrm>
            <a:off x="12443528" y="6083349"/>
            <a:ext cx="487363" cy="487363"/>
          </a:xfrm>
          <a:prstGeom prst="rect">
            <a:avLst/>
          </a:prstGeom>
        </p:spPr>
      </p:pic>
      <p:pic>
        <p:nvPicPr>
          <p:cNvPr id="69" name="Picture 68">
            <a:hlinkClick r:id="rId31" action="ppaction://hlinksldjump"/>
            <a:extLst>
              <a:ext uri="{FF2B5EF4-FFF2-40B4-BE49-F238E27FC236}">
                <a16:creationId xmlns:a16="http://schemas.microsoft.com/office/drawing/2014/main" id="{BD7C9EC8-BEE4-3E22-A166-6F89C17ED081}"/>
              </a:ext>
            </a:extLst>
          </p:cNvPr>
          <p:cNvPicPr>
            <a:picLocks noChangeAspect="1"/>
          </p:cNvPicPr>
          <p:nvPr/>
        </p:nvPicPr>
        <p:blipFill>
          <a:blip r:embed="rId3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526288" y="6306552"/>
            <a:ext cx="571500" cy="55144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830914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1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6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41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56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8" dur="3120" fill="hold"/>
                                        <p:tgtEl>
                                          <p:spTgt spid="6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3120"/>
                            </p:stCondLst>
                            <p:childTnLst>
                              <p:par>
                                <p:cTn id="70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1" dur="5064" fill="hold"/>
                                        <p:tgtEl>
                                          <p:spTgt spid="6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8184"/>
                            </p:stCondLst>
                            <p:childTnLst>
                              <p:par>
                                <p:cTn id="73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4" dur="2448" fill="hold"/>
                                        <p:tgtEl>
                                          <p:spTgt spid="6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10632"/>
                            </p:stCondLst>
                            <p:childTnLst>
                              <p:par>
                                <p:cTn id="76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7" dur="2208" fill="hold"/>
                                        <p:tgtEl>
                                          <p:spTgt spid="6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12840"/>
                            </p:stCondLst>
                            <p:childTnLst>
                              <p:par>
                                <p:cTn id="79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0" dur="5064" fill="hold"/>
                                        <p:tgtEl>
                                          <p:spTgt spid="6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17904"/>
                            </p:stCondLst>
                            <p:childTnLst>
                              <p:par>
                                <p:cTn id="82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3" dur="6120" fill="hold"/>
                                        <p:tgtEl>
                                          <p:spTgt spid="6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24024"/>
                            </p:stCondLst>
                            <p:childTnLst>
                              <p:par>
                                <p:cTn id="8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6" dur="2400" fill="hold"/>
                                        <p:tgtEl>
                                          <p:spTgt spid="6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26424"/>
                            </p:stCondLst>
                            <p:childTnLst>
                              <p:par>
                                <p:cTn id="88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9" dur="2688" fill="hold"/>
                                        <p:tgtEl>
                                          <p:spTgt spid="6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9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1"/>
                </p:tgtEl>
              </p:cMediaNode>
            </p:audio>
            <p:audio>
              <p:cMediaNode vol="80000">
                <p:cTn id="9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2"/>
                </p:tgtEl>
              </p:cMediaNode>
            </p:audio>
            <p:audio>
              <p:cMediaNode vol="80000">
                <p:cTn id="9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3"/>
                </p:tgtEl>
              </p:cMediaNode>
            </p:audio>
            <p:audio>
              <p:cMediaNode vol="80000">
                <p:cTn id="9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4"/>
                </p:tgtEl>
              </p:cMediaNode>
            </p:audio>
            <p:audio>
              <p:cMediaNode vol="80000">
                <p:cTn id="9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5"/>
                </p:tgtEl>
              </p:cMediaNode>
            </p:audio>
            <p:audio>
              <p:cMediaNode vol="80000">
                <p:cTn id="9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6"/>
                </p:tgtEl>
              </p:cMediaNode>
            </p:audio>
            <p:audio>
              <p:cMediaNode vol="80000">
                <p:cTn id="9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7"/>
                </p:tgtEl>
              </p:cMediaNode>
            </p:audio>
            <p:audio>
              <p:cMediaNode vol="80000">
                <p:cTn id="9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8"/>
                </p:tgtEl>
              </p:cMediaNode>
            </p:audio>
          </p:childTnLst>
        </p:cTn>
      </p:par>
    </p:tnLst>
    <p:bldLst>
      <p:bldP spid="51" grpId="0" animBg="1"/>
      <p:bldP spid="51" grpId="1" animBg="1"/>
      <p:bldP spid="52" grpId="0" animBg="1"/>
      <p:bldP spid="52" grpId="1" animBg="1"/>
      <p:bldP spid="53" grpId="0" animBg="1"/>
      <p:bldP spid="53" grpId="1" animBg="1"/>
      <p:bldP spid="54" grpId="0" animBg="1"/>
      <p:bldP spid="54" grpId="1" animBg="1"/>
      <p:bldP spid="55" grpId="0" uiExpand="1" build="p"/>
      <p:bldP spid="56" grpId="0" uiExpand="1" build="allAtOnce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7AAD91A-AE00-0663-507B-3F2812F201D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0" name="Picture 59">
            <a:extLst>
              <a:ext uri="{FF2B5EF4-FFF2-40B4-BE49-F238E27FC236}">
                <a16:creationId xmlns:a16="http://schemas.microsoft.com/office/drawing/2014/main" id="{E8B49DC0-1CC7-7061-528E-835AFFCF11B2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758837" y="2550941"/>
            <a:ext cx="1471592" cy="1741660"/>
          </a:xfrm>
          <a:prstGeom prst="rect">
            <a:avLst/>
          </a:prstGeom>
        </p:spPr>
      </p:pic>
      <p:pic>
        <p:nvPicPr>
          <p:cNvPr id="58" name="Picture 57">
            <a:extLst>
              <a:ext uri="{FF2B5EF4-FFF2-40B4-BE49-F238E27FC236}">
                <a16:creationId xmlns:a16="http://schemas.microsoft.com/office/drawing/2014/main" id="{2239E457-64DF-9A7A-83C8-038BEC945EA3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969945" y="2671599"/>
            <a:ext cx="1891045" cy="1577613"/>
          </a:xfrm>
          <a:prstGeom prst="rect">
            <a:avLst/>
          </a:prstGeom>
        </p:spPr>
      </p:pic>
      <p:sp>
        <p:nvSpPr>
          <p:cNvPr id="3" name="object 81">
            <a:extLst>
              <a:ext uri="{FF2B5EF4-FFF2-40B4-BE49-F238E27FC236}">
                <a16:creationId xmlns:a16="http://schemas.microsoft.com/office/drawing/2014/main" id="{978A3B87-B7FF-7CCF-FA7F-ABEAB5FCFDDE}"/>
              </a:ext>
            </a:extLst>
          </p:cNvPr>
          <p:cNvSpPr txBox="1"/>
          <p:nvPr/>
        </p:nvSpPr>
        <p:spPr>
          <a:xfrm>
            <a:off x="609599" y="147396"/>
            <a:ext cx="10972801" cy="992674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2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he children are talking about the places they have visited. Finish what they say.</a:t>
            </a:r>
            <a:endParaRPr sz="32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  <p:pic>
        <p:nvPicPr>
          <p:cNvPr id="26" name="Picture 25">
            <a:extLst>
              <a:ext uri="{FF2B5EF4-FFF2-40B4-BE49-F238E27FC236}">
                <a16:creationId xmlns:a16="http://schemas.microsoft.com/office/drawing/2014/main" id="{D847E925-D60C-F295-5E66-38C0F3FED729}"/>
              </a:ext>
            </a:extLst>
          </p:cNvPr>
          <p:cNvPicPr>
            <a:picLocks noChangeAspect="1"/>
          </p:cNvPicPr>
          <p:nvPr/>
        </p:nvPicPr>
        <p:blipFill>
          <a:blip r:embed="rId18"/>
          <a:stretch>
            <a:fillRect/>
          </a:stretch>
        </p:blipFill>
        <p:spPr>
          <a:xfrm>
            <a:off x="1842715" y="1195943"/>
            <a:ext cx="8533384" cy="978297"/>
          </a:xfrm>
          <a:prstGeom prst="rect">
            <a:avLst/>
          </a:prstGeom>
        </p:spPr>
      </p:pic>
      <p:pic>
        <p:nvPicPr>
          <p:cNvPr id="27" name="Picture 26">
            <a:extLst>
              <a:ext uri="{FF2B5EF4-FFF2-40B4-BE49-F238E27FC236}">
                <a16:creationId xmlns:a16="http://schemas.microsoft.com/office/drawing/2014/main" id="{6BB369CF-438B-75C7-1826-24502AEF8DCF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27726" y="4486683"/>
            <a:ext cx="2626114" cy="1915286"/>
          </a:xfrm>
          <a:prstGeom prst="rect">
            <a:avLst/>
          </a:prstGeom>
        </p:spPr>
      </p:pic>
      <p:pic>
        <p:nvPicPr>
          <p:cNvPr id="28" name="Picture 21">
            <a:extLst>
              <a:ext uri="{FF2B5EF4-FFF2-40B4-BE49-F238E27FC236}">
                <a16:creationId xmlns:a16="http://schemas.microsoft.com/office/drawing/2014/main" id="{210657B6-F03B-DD68-9309-A27922ED1D3A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rcRect/>
          <a:stretch/>
        </p:blipFill>
        <p:spPr>
          <a:xfrm>
            <a:off x="5022639" y="2273447"/>
            <a:ext cx="411480" cy="389823"/>
          </a:xfrm>
          <a:prstGeom prst="rect">
            <a:avLst/>
          </a:prstGeom>
        </p:spPr>
      </p:pic>
      <p:pic>
        <p:nvPicPr>
          <p:cNvPr id="45" name="Picture 44">
            <a:extLst>
              <a:ext uri="{FF2B5EF4-FFF2-40B4-BE49-F238E27FC236}">
                <a16:creationId xmlns:a16="http://schemas.microsoft.com/office/drawing/2014/main" id="{8BCF0B51-87B8-012E-D543-22F9260A9551}"/>
              </a:ext>
            </a:extLst>
          </p:cNvPr>
          <p:cNvPicPr>
            <a:picLocks noChangeAspect="1"/>
          </p:cNvPicPr>
          <p:nvPr/>
        </p:nvPicPr>
        <p:blipFill>
          <a:blip r:embed="rId22">
            <a:extLst>
              <a:ext uri="{BEBA8EAE-BF5A-486C-A8C5-ECC9F3942E4B}">
                <a14:imgProps xmlns:a14="http://schemas.microsoft.com/office/drawing/2010/main">
                  <a14:imgLayer r:embed="rId23">
                    <a14:imgEffect>
                      <a14:backgroundRemoval t="10000" b="90000" l="8966" r="89655">
                        <a14:foregroundMark x1="8966" y1="43750" x2="15172" y2="55000"/>
                        <a14:foregroundMark x1="26897" y1="58750" x2="64138" y2="45000"/>
                        <a14:foregroundMark x1="24138" y1="53750" x2="64828" y2="53750"/>
                        <a14:foregroundMark x1="75862" y1="52500" x2="40690" y2="57500"/>
                        <a14:foregroundMark x1="20000" y1="55000" x2="19310" y2="61250"/>
                        <a14:foregroundMark x1="24138" y1="52500" x2="20690" y2="71250"/>
                        <a14:foregroundMark x1="20000" y1="50000" x2="20690" y2="61250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45143" y="2120926"/>
            <a:ext cx="1381318" cy="762106"/>
          </a:xfrm>
          <a:prstGeom prst="rect">
            <a:avLst/>
          </a:prstGeom>
        </p:spPr>
      </p:pic>
      <p:pic>
        <p:nvPicPr>
          <p:cNvPr id="48" name="Picture 47">
            <a:extLst>
              <a:ext uri="{FF2B5EF4-FFF2-40B4-BE49-F238E27FC236}">
                <a16:creationId xmlns:a16="http://schemas.microsoft.com/office/drawing/2014/main" id="{C97D0730-62FE-2E9B-1AD3-4C34694B0309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BEBA8EAE-BF5A-486C-A8C5-ECC9F3942E4B}">
                <a14:imgProps xmlns:a14="http://schemas.microsoft.com/office/drawing/2010/main">
                  <a14:imgLayer r:embed="rId25">
                    <a14:imgEffect>
                      <a14:backgroundRemoval t="10000" b="90000" l="10000" r="90000">
                        <a14:foregroundMark x1="67320" y1="60759" x2="71895" y2="43038"/>
                        <a14:foregroundMark x1="72549" y1="43038" x2="36601" y2="58228"/>
                        <a14:foregroundMark x1="54902" y1="56962" x2="29412" y2="63291"/>
                        <a14:foregroundMark x1="47059" y1="43038" x2="24183" y2="63291"/>
                        <a14:foregroundMark x1="32680" y1="68354" x2="27451" y2="70886"/>
                        <a14:foregroundMark x1="26144" y1="70886" x2="25490" y2="77215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2636656" y="2174944"/>
            <a:ext cx="1457528" cy="752580"/>
          </a:xfrm>
          <a:prstGeom prst="rect">
            <a:avLst/>
          </a:prstGeom>
        </p:spPr>
      </p:pic>
      <p:sp>
        <p:nvSpPr>
          <p:cNvPr id="49" name="TextBox 48">
            <a:extLst>
              <a:ext uri="{FF2B5EF4-FFF2-40B4-BE49-F238E27FC236}">
                <a16:creationId xmlns:a16="http://schemas.microsoft.com/office/drawing/2014/main" id="{B00FD5C4-D99D-FCCC-2A11-B132996CD717}"/>
              </a:ext>
            </a:extLst>
          </p:cNvPr>
          <p:cNvSpPr txBox="1"/>
          <p:nvPr/>
        </p:nvSpPr>
        <p:spPr>
          <a:xfrm>
            <a:off x="4961121" y="2614690"/>
            <a:ext cx="1347297" cy="24672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  <a:endParaRPr lang="en-US" sz="2400" dirty="0"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</a:p>
          <a:p>
            <a:pPr>
              <a:lnSpc>
                <a:spcPct val="108000"/>
              </a:lnSpc>
            </a:pPr>
            <a:endParaRPr lang="en-US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</p:txBody>
      </p:sp>
      <p:sp>
        <p:nvSpPr>
          <p:cNvPr id="51" name="Rectangle: Rounded Corners 50">
            <a:extLst>
              <a:ext uri="{FF2B5EF4-FFF2-40B4-BE49-F238E27FC236}">
                <a16:creationId xmlns:a16="http://schemas.microsoft.com/office/drawing/2014/main" id="{E4AF317B-FA4C-B418-CC4C-B2EA97387280}"/>
              </a:ext>
            </a:extLst>
          </p:cNvPr>
          <p:cNvSpPr/>
          <p:nvPr/>
        </p:nvSpPr>
        <p:spPr>
          <a:xfrm>
            <a:off x="4164603" y="1687260"/>
            <a:ext cx="3094756" cy="336792"/>
          </a:xfrm>
          <a:prstGeom prst="round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52" name="Oval 51">
            <a:extLst>
              <a:ext uri="{FF2B5EF4-FFF2-40B4-BE49-F238E27FC236}">
                <a16:creationId xmlns:a16="http://schemas.microsoft.com/office/drawing/2014/main" id="{44DA4DEB-7A35-9172-E051-BE1F68C89C87}"/>
              </a:ext>
            </a:extLst>
          </p:cNvPr>
          <p:cNvSpPr/>
          <p:nvPr/>
        </p:nvSpPr>
        <p:spPr>
          <a:xfrm>
            <a:off x="3182268" y="4005685"/>
            <a:ext cx="1553497" cy="256751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Oval 52">
            <a:extLst>
              <a:ext uri="{FF2B5EF4-FFF2-40B4-BE49-F238E27FC236}">
                <a16:creationId xmlns:a16="http://schemas.microsoft.com/office/drawing/2014/main" id="{955C5A51-EEE4-3FD8-9BC9-CB518ED8E7C6}"/>
              </a:ext>
            </a:extLst>
          </p:cNvPr>
          <p:cNvSpPr/>
          <p:nvPr/>
        </p:nvSpPr>
        <p:spPr>
          <a:xfrm>
            <a:off x="1095374" y="3220543"/>
            <a:ext cx="838201" cy="692977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5" name="TextBox 54">
            <a:extLst>
              <a:ext uri="{FF2B5EF4-FFF2-40B4-BE49-F238E27FC236}">
                <a16:creationId xmlns:a16="http://schemas.microsoft.com/office/drawing/2014/main" id="{48830126-AF89-B800-8A5F-4B308B3697B9}"/>
              </a:ext>
            </a:extLst>
          </p:cNvPr>
          <p:cNvSpPr txBox="1"/>
          <p:nvPr/>
        </p:nvSpPr>
        <p:spPr>
          <a:xfrm>
            <a:off x="5835765" y="2611743"/>
            <a:ext cx="6229235" cy="16694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ver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en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o Australia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es, I </a:t>
            </a:r>
            <a:r>
              <a:rPr lang="en-US" sz="2400" dirty="0">
                <a:solidFill>
                  <a:schemeClr val="accent4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 I </a:t>
            </a:r>
            <a:r>
              <a:rPr lang="en-US" sz="2400" dirty="0">
                <a:solidFill>
                  <a:schemeClr val="accent4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 </a:t>
            </a:r>
            <a:r>
              <a:rPr lang="en-US" sz="2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n 2020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hat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id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o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 </a:t>
            </a:r>
            <a:r>
              <a:rPr lang="en-US" sz="2400" dirty="0">
                <a:solidFill>
                  <a:schemeClr val="accent6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ok </a:t>
            </a:r>
            <a:r>
              <a:rPr lang="en-US" sz="2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 ride in a hot-air balloon.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56" name="TextBox 55">
            <a:extLst>
              <a:ext uri="{FF2B5EF4-FFF2-40B4-BE49-F238E27FC236}">
                <a16:creationId xmlns:a16="http://schemas.microsoft.com/office/drawing/2014/main" id="{A6C0DBFE-8EEC-7EBF-7F83-D557C8A6ABCD}"/>
              </a:ext>
            </a:extLst>
          </p:cNvPr>
          <p:cNvSpPr txBox="1"/>
          <p:nvPr/>
        </p:nvSpPr>
        <p:spPr>
          <a:xfrm>
            <a:off x="5848465" y="4206686"/>
            <a:ext cx="6470535" cy="8716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ow about you? </a:t>
            </a:r>
            <a:r>
              <a:rPr lang="en-US" sz="2400" dirty="0">
                <a:solidFill>
                  <a:srgbClr val="0F9ED5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ver been 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Australia?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No, I</a:t>
            </a:r>
            <a:r>
              <a:rPr lang="en-US" sz="2400" dirty="0">
                <a:solidFill>
                  <a:srgbClr val="0F9ED5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’ve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never </a:t>
            </a:r>
            <a:r>
              <a:rPr lang="en-US" sz="2400" dirty="0">
                <a:solidFill>
                  <a:srgbClr val="0F9ED5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en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9" name="Picture 68">
            <a:hlinkClick r:id="rId26" action="ppaction://hlinksldjump"/>
            <a:extLst>
              <a:ext uri="{FF2B5EF4-FFF2-40B4-BE49-F238E27FC236}">
                <a16:creationId xmlns:a16="http://schemas.microsoft.com/office/drawing/2014/main" id="{BD7C9EC8-BEE4-3E22-A166-6F89C17ED081}"/>
              </a:ext>
            </a:extLst>
          </p:cNvPr>
          <p:cNvPicPr>
            <a:picLocks noChangeAspect="1"/>
          </p:cNvPicPr>
          <p:nvPr/>
        </p:nvPicPr>
        <p:blipFill>
          <a:blip r:embed="rId2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526288" y="6306552"/>
            <a:ext cx="571500" cy="551448"/>
          </a:xfrm>
          <a:prstGeom prst="rect">
            <a:avLst/>
          </a:prstGeom>
        </p:spPr>
      </p:pic>
      <p:pic>
        <p:nvPicPr>
          <p:cNvPr id="7" name="5a_c6_g1-0015">
            <a:hlinkClick r:id="" action="ppaction://media"/>
            <a:extLst>
              <a:ext uri="{FF2B5EF4-FFF2-40B4-BE49-F238E27FC236}">
                <a16:creationId xmlns:a16="http://schemas.microsoft.com/office/drawing/2014/main" id="{1FD166DF-A189-9ABA-9BAB-BBB10E13BED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674438" y="2266617"/>
            <a:ext cx="487362" cy="487363"/>
          </a:xfrm>
          <a:prstGeom prst="rect">
            <a:avLst/>
          </a:prstGeom>
        </p:spPr>
      </p:pic>
      <p:pic>
        <p:nvPicPr>
          <p:cNvPr id="8" name="5a_c6_g1-0016">
            <a:hlinkClick r:id="" action="ppaction://media"/>
            <a:extLst>
              <a:ext uri="{FF2B5EF4-FFF2-40B4-BE49-F238E27FC236}">
                <a16:creationId xmlns:a16="http://schemas.microsoft.com/office/drawing/2014/main" id="{301D96FC-1EC8-DDFB-C163-D2A770CBBDDC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674438" y="2817341"/>
            <a:ext cx="487362" cy="487363"/>
          </a:xfrm>
          <a:prstGeom prst="rect">
            <a:avLst/>
          </a:prstGeom>
        </p:spPr>
      </p:pic>
      <p:pic>
        <p:nvPicPr>
          <p:cNvPr id="9" name="5a_c6_g1-0017">
            <a:hlinkClick r:id="" action="ppaction://media"/>
            <a:extLst>
              <a:ext uri="{FF2B5EF4-FFF2-40B4-BE49-F238E27FC236}">
                <a16:creationId xmlns:a16="http://schemas.microsoft.com/office/drawing/2014/main" id="{2ACECA23-D2A1-1D47-AC05-DD8B03F2B180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674438" y="3333751"/>
            <a:ext cx="487363" cy="487362"/>
          </a:xfrm>
          <a:prstGeom prst="rect">
            <a:avLst/>
          </a:prstGeom>
        </p:spPr>
      </p:pic>
      <p:pic>
        <p:nvPicPr>
          <p:cNvPr id="10" name="5a_c6_g1-0018 1st">
            <a:hlinkClick r:id="" action="ppaction://media"/>
            <a:extLst>
              <a:ext uri="{FF2B5EF4-FFF2-40B4-BE49-F238E27FC236}">
                <a16:creationId xmlns:a16="http://schemas.microsoft.com/office/drawing/2014/main" id="{1CE6CF43-A74D-5BDA-20DC-3E1D4446EB73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674439" y="3913521"/>
            <a:ext cx="487363" cy="487363"/>
          </a:xfrm>
          <a:prstGeom prst="rect">
            <a:avLst/>
          </a:prstGeom>
        </p:spPr>
      </p:pic>
      <p:pic>
        <p:nvPicPr>
          <p:cNvPr id="11" name="5a_c6_g1-0018 2nd">
            <a:hlinkClick r:id="" action="ppaction://media"/>
            <a:extLst>
              <a:ext uri="{FF2B5EF4-FFF2-40B4-BE49-F238E27FC236}">
                <a16:creationId xmlns:a16="http://schemas.microsoft.com/office/drawing/2014/main" id="{CD22DB0F-B6D4-A2D1-577D-2BAB948E858E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674439" y="4522339"/>
            <a:ext cx="487363" cy="487362"/>
          </a:xfrm>
          <a:prstGeom prst="rect">
            <a:avLst/>
          </a:prstGeom>
        </p:spPr>
      </p:pic>
      <p:pic>
        <p:nvPicPr>
          <p:cNvPr id="12" name="5a_c6_g1-0019">
            <a:hlinkClick r:id="" action="ppaction://media"/>
            <a:extLst>
              <a:ext uri="{FF2B5EF4-FFF2-40B4-BE49-F238E27FC236}">
                <a16:creationId xmlns:a16="http://schemas.microsoft.com/office/drawing/2014/main" id="{06337893-2C78-0376-D14C-0C911C468089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674438" y="5202443"/>
            <a:ext cx="487362" cy="48736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907982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1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6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41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5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audio>
              <p:cMediaNode vol="80000">
                <p:cTn id="5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audio>
              <p:cMediaNode vol="80000">
                <p:cTn id="5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  <p:audio>
              <p:cMediaNode vol="80000">
                <p:cTn id="5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  <p:audio>
              <p:cMediaNode vol="80000">
                <p:cTn id="5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  <p:audio>
              <p:cMediaNode vol="80000">
                <p:cTn id="5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57" restart="whenNotActive" fill="hold" evtFilter="cancelBubble" nodeType="interactiveSeq">
                <p:stCondLst>
                  <p:cond evt="onClick" delay="0">
                    <p:tgtEl>
                      <p:spTgt spid="2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8" fill="hold">
                      <p:stCondLst>
                        <p:cond delay="0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1" dur="3216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3216"/>
                            </p:stCondLst>
                            <p:childTnLst>
                              <p:par>
                                <p:cTn id="63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4" dur="5376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8592"/>
                            </p:stCondLst>
                            <p:childTnLst>
                              <p:par>
                                <p:cTn id="66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7" dur="2448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11040"/>
                            </p:stCondLst>
                            <p:childTnLst>
                              <p:par>
                                <p:cTn id="69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0" dur="2616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1" fill="hold">
                            <p:stCondLst>
                              <p:cond delay="13656"/>
                            </p:stCondLst>
                            <p:childTnLst>
                              <p:par>
                                <p:cTn id="72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3" dur="5400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19056"/>
                            </p:stCondLst>
                            <p:childTnLst>
                              <p:par>
                                <p:cTn id="7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6" dur="3288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8"/>
                  </p:tgtEl>
                </p:cond>
              </p:nextCondLst>
            </p:seq>
          </p:childTnLst>
        </p:cTn>
      </p:par>
    </p:tnLst>
    <p:bldLst>
      <p:bldP spid="51" grpId="0" animBg="1"/>
      <p:bldP spid="51" grpId="1" animBg="1"/>
      <p:bldP spid="52" grpId="0" animBg="1"/>
      <p:bldP spid="52" grpId="1" animBg="1"/>
      <p:bldP spid="53" grpId="0" animBg="1"/>
      <p:bldP spid="53" grpId="1" animBg="1"/>
      <p:bldP spid="55" grpId="0" uiExpand="1" build="p"/>
      <p:bldP spid="56" grpId="0" uiExpand="1" build="allAtOnce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7AAD91A-AE00-0663-507B-3F2812F201D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0" name="Picture 59">
            <a:extLst>
              <a:ext uri="{FF2B5EF4-FFF2-40B4-BE49-F238E27FC236}">
                <a16:creationId xmlns:a16="http://schemas.microsoft.com/office/drawing/2014/main" id="{E8B49DC0-1CC7-7061-528E-835AFFCF11B2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69660" y="2699229"/>
            <a:ext cx="2039732" cy="1701655"/>
          </a:xfrm>
          <a:prstGeom prst="rect">
            <a:avLst/>
          </a:prstGeom>
        </p:spPr>
      </p:pic>
      <p:pic>
        <p:nvPicPr>
          <p:cNvPr id="58" name="Picture 57">
            <a:extLst>
              <a:ext uri="{FF2B5EF4-FFF2-40B4-BE49-F238E27FC236}">
                <a16:creationId xmlns:a16="http://schemas.microsoft.com/office/drawing/2014/main" id="{2239E457-64DF-9A7A-83C8-038BEC945EA3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259335" y="2671599"/>
            <a:ext cx="1312265" cy="1577613"/>
          </a:xfrm>
          <a:prstGeom prst="rect">
            <a:avLst/>
          </a:prstGeom>
        </p:spPr>
      </p:pic>
      <p:sp>
        <p:nvSpPr>
          <p:cNvPr id="3" name="object 81">
            <a:extLst>
              <a:ext uri="{FF2B5EF4-FFF2-40B4-BE49-F238E27FC236}">
                <a16:creationId xmlns:a16="http://schemas.microsoft.com/office/drawing/2014/main" id="{978A3B87-B7FF-7CCF-FA7F-ABEAB5FCFDDE}"/>
              </a:ext>
            </a:extLst>
          </p:cNvPr>
          <p:cNvSpPr txBox="1"/>
          <p:nvPr/>
        </p:nvSpPr>
        <p:spPr>
          <a:xfrm>
            <a:off x="609599" y="147396"/>
            <a:ext cx="10972801" cy="992674"/>
          </a:xfrm>
          <a:prstGeom prst="rect">
            <a:avLst/>
          </a:prstGeom>
        </p:spPr>
        <p:txBody>
          <a:bodyPr vert="horz" wrap="square" lIns="0" tIns="7714" rIns="0" bIns="0" rtlCol="0">
            <a:spAutoFit/>
          </a:bodyPr>
          <a:lstStyle/>
          <a:p>
            <a:pPr marL="7714" algn="ctr">
              <a:spcBef>
                <a:spcPts val="61"/>
              </a:spcBef>
            </a:pPr>
            <a:r>
              <a:rPr lang="en-US" sz="3200" b="1" spc="73" dirty="0">
                <a:solidFill>
                  <a:schemeClr val="tx1"/>
                </a:solidFill>
                <a:latin typeface="Calibri" panose="020F0502020204030204" pitchFamily="34" charset="0"/>
                <a:cs typeface="Calibri"/>
              </a:rPr>
              <a:t>The children are talking about the places they have visited. Finish what they say.</a:t>
            </a:r>
            <a:endParaRPr sz="3200" dirty="0">
              <a:solidFill>
                <a:schemeClr val="tx1"/>
              </a:solidFill>
              <a:latin typeface="Calibri" panose="020F0502020204030204" pitchFamily="34" charset="0"/>
              <a:cs typeface="Calibri"/>
            </a:endParaRPr>
          </a:p>
        </p:txBody>
      </p:sp>
      <p:pic>
        <p:nvPicPr>
          <p:cNvPr id="26" name="Picture 25">
            <a:extLst>
              <a:ext uri="{FF2B5EF4-FFF2-40B4-BE49-F238E27FC236}">
                <a16:creationId xmlns:a16="http://schemas.microsoft.com/office/drawing/2014/main" id="{D847E925-D60C-F295-5E66-38C0F3FED729}"/>
              </a:ext>
            </a:extLst>
          </p:cNvPr>
          <p:cNvPicPr>
            <a:picLocks noChangeAspect="1"/>
          </p:cNvPicPr>
          <p:nvPr/>
        </p:nvPicPr>
        <p:blipFill>
          <a:blip r:embed="rId18"/>
          <a:stretch>
            <a:fillRect/>
          </a:stretch>
        </p:blipFill>
        <p:spPr>
          <a:xfrm>
            <a:off x="1842715" y="1195943"/>
            <a:ext cx="8533384" cy="978297"/>
          </a:xfrm>
          <a:prstGeom prst="rect">
            <a:avLst/>
          </a:prstGeom>
        </p:spPr>
      </p:pic>
      <p:pic>
        <p:nvPicPr>
          <p:cNvPr id="27" name="Picture 26">
            <a:extLst>
              <a:ext uri="{FF2B5EF4-FFF2-40B4-BE49-F238E27FC236}">
                <a16:creationId xmlns:a16="http://schemas.microsoft.com/office/drawing/2014/main" id="{6BB369CF-438B-75C7-1826-24502AEF8DCF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27726" y="4486683"/>
            <a:ext cx="2626114" cy="1915286"/>
          </a:xfrm>
          <a:prstGeom prst="rect">
            <a:avLst/>
          </a:prstGeom>
        </p:spPr>
      </p:pic>
      <p:pic>
        <p:nvPicPr>
          <p:cNvPr id="28" name="Picture 21">
            <a:extLst>
              <a:ext uri="{FF2B5EF4-FFF2-40B4-BE49-F238E27FC236}">
                <a16:creationId xmlns:a16="http://schemas.microsoft.com/office/drawing/2014/main" id="{210657B6-F03B-DD68-9309-A27922ED1D3A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96DAC541-7B7A-43D3-8B79-37D633B846F1}">
                <asvg:svgBlip xmlns:asvg="http://schemas.microsoft.com/office/drawing/2016/SVG/main" r:embed="rId21"/>
              </a:ext>
            </a:extLst>
          </a:blip>
          <a:srcRect/>
          <a:stretch/>
        </p:blipFill>
        <p:spPr>
          <a:xfrm>
            <a:off x="5022639" y="2273447"/>
            <a:ext cx="411480" cy="389823"/>
          </a:xfrm>
          <a:prstGeom prst="rect">
            <a:avLst/>
          </a:prstGeom>
        </p:spPr>
      </p:pic>
      <p:pic>
        <p:nvPicPr>
          <p:cNvPr id="45" name="Picture 44">
            <a:extLst>
              <a:ext uri="{FF2B5EF4-FFF2-40B4-BE49-F238E27FC236}">
                <a16:creationId xmlns:a16="http://schemas.microsoft.com/office/drawing/2014/main" id="{8BCF0B51-87B8-012E-D543-22F9260A9551}"/>
              </a:ext>
            </a:extLst>
          </p:cNvPr>
          <p:cNvPicPr>
            <a:picLocks noChangeAspect="1"/>
          </p:cNvPicPr>
          <p:nvPr/>
        </p:nvPicPr>
        <p:blipFill>
          <a:blip r:embed="rId22">
            <a:extLst>
              <a:ext uri="{BEBA8EAE-BF5A-486C-A8C5-ECC9F3942E4B}">
                <a14:imgProps xmlns:a14="http://schemas.microsoft.com/office/drawing/2010/main">
                  <a14:imgLayer r:embed="rId23">
                    <a14:imgEffect>
                      <a14:backgroundRemoval t="10000" b="90000" l="8966" r="89655">
                        <a14:foregroundMark x1="8966" y1="43750" x2="15172" y2="55000"/>
                        <a14:foregroundMark x1="26897" y1="58750" x2="64138" y2="45000"/>
                        <a14:foregroundMark x1="24138" y1="53750" x2="64828" y2="53750"/>
                        <a14:foregroundMark x1="75862" y1="52500" x2="40690" y2="57500"/>
                        <a14:foregroundMark x1="20000" y1="55000" x2="19310" y2="61250"/>
                        <a14:foregroundMark x1="24138" y1="52500" x2="20690" y2="71250"/>
                        <a14:foregroundMark x1="20000" y1="50000" x2="20690" y2="61250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45143" y="2120926"/>
            <a:ext cx="1381318" cy="762106"/>
          </a:xfrm>
          <a:prstGeom prst="rect">
            <a:avLst/>
          </a:prstGeom>
        </p:spPr>
      </p:pic>
      <p:pic>
        <p:nvPicPr>
          <p:cNvPr id="48" name="Picture 47">
            <a:extLst>
              <a:ext uri="{FF2B5EF4-FFF2-40B4-BE49-F238E27FC236}">
                <a16:creationId xmlns:a16="http://schemas.microsoft.com/office/drawing/2014/main" id="{C97D0730-62FE-2E9B-1AD3-4C34694B0309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BEBA8EAE-BF5A-486C-A8C5-ECC9F3942E4B}">
                <a14:imgProps xmlns:a14="http://schemas.microsoft.com/office/drawing/2010/main">
                  <a14:imgLayer r:embed="rId25">
                    <a14:imgEffect>
                      <a14:backgroundRemoval t="10000" b="90000" l="10000" r="90000">
                        <a14:foregroundMark x1="67320" y1="60759" x2="71895" y2="43038"/>
                        <a14:foregroundMark x1="72549" y1="43038" x2="36601" y2="58228"/>
                        <a14:foregroundMark x1="54902" y1="56962" x2="29412" y2="63291"/>
                        <a14:foregroundMark x1="47059" y1="43038" x2="24183" y2="63291"/>
                        <a14:foregroundMark x1="32680" y1="68354" x2="27451" y2="70886"/>
                        <a14:foregroundMark x1="26144" y1="70886" x2="25490" y2="77215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2636656" y="2174944"/>
            <a:ext cx="1457528" cy="752580"/>
          </a:xfrm>
          <a:prstGeom prst="rect">
            <a:avLst/>
          </a:prstGeom>
        </p:spPr>
      </p:pic>
      <p:sp>
        <p:nvSpPr>
          <p:cNvPr id="49" name="TextBox 48">
            <a:extLst>
              <a:ext uri="{FF2B5EF4-FFF2-40B4-BE49-F238E27FC236}">
                <a16:creationId xmlns:a16="http://schemas.microsoft.com/office/drawing/2014/main" id="{B00FD5C4-D99D-FCCC-2A11-B132996CD717}"/>
              </a:ext>
            </a:extLst>
          </p:cNvPr>
          <p:cNvSpPr txBox="1"/>
          <p:nvPr/>
        </p:nvSpPr>
        <p:spPr>
          <a:xfrm>
            <a:off x="4961121" y="2614690"/>
            <a:ext cx="1347297" cy="24672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  <a:endParaRPr lang="en-US" sz="2400" dirty="0">
              <a:effectLst/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endParaRPr lang="en-US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Mike: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tty: </a:t>
            </a:r>
          </a:p>
        </p:txBody>
      </p:sp>
      <p:sp>
        <p:nvSpPr>
          <p:cNvPr id="52" name="Oval 51">
            <a:extLst>
              <a:ext uri="{FF2B5EF4-FFF2-40B4-BE49-F238E27FC236}">
                <a16:creationId xmlns:a16="http://schemas.microsoft.com/office/drawing/2014/main" id="{44DA4DEB-7A35-9172-E051-BE1F68C89C87}"/>
              </a:ext>
            </a:extLst>
          </p:cNvPr>
          <p:cNvSpPr/>
          <p:nvPr/>
        </p:nvSpPr>
        <p:spPr>
          <a:xfrm>
            <a:off x="3630119" y="3231470"/>
            <a:ext cx="682023" cy="637172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Oval 52">
            <a:extLst>
              <a:ext uri="{FF2B5EF4-FFF2-40B4-BE49-F238E27FC236}">
                <a16:creationId xmlns:a16="http://schemas.microsoft.com/office/drawing/2014/main" id="{955C5A51-EEE4-3FD8-9BC9-CB518ED8E7C6}"/>
              </a:ext>
            </a:extLst>
          </p:cNvPr>
          <p:cNvSpPr/>
          <p:nvPr/>
        </p:nvSpPr>
        <p:spPr>
          <a:xfrm>
            <a:off x="1004514" y="4078380"/>
            <a:ext cx="1381318" cy="296179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4" name="Rectangle: Rounded Corners 53">
            <a:extLst>
              <a:ext uri="{FF2B5EF4-FFF2-40B4-BE49-F238E27FC236}">
                <a16:creationId xmlns:a16="http://schemas.microsoft.com/office/drawing/2014/main" id="{3588407B-949E-09A3-DE23-E92EBB823119}"/>
              </a:ext>
            </a:extLst>
          </p:cNvPr>
          <p:cNvSpPr/>
          <p:nvPr/>
        </p:nvSpPr>
        <p:spPr>
          <a:xfrm>
            <a:off x="7492585" y="1359288"/>
            <a:ext cx="2518190" cy="336162"/>
          </a:xfrm>
          <a:prstGeom prst="round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 dirty="0">
              <a:latin typeface="Calibri" panose="020F0502020204030204" pitchFamily="34" charset="0"/>
            </a:endParaRPr>
          </a:p>
        </p:txBody>
      </p:sp>
      <p:sp>
        <p:nvSpPr>
          <p:cNvPr id="55" name="TextBox 54">
            <a:extLst>
              <a:ext uri="{FF2B5EF4-FFF2-40B4-BE49-F238E27FC236}">
                <a16:creationId xmlns:a16="http://schemas.microsoft.com/office/drawing/2014/main" id="{48830126-AF89-B800-8A5F-4B308B3697B9}"/>
              </a:ext>
            </a:extLst>
          </p:cNvPr>
          <p:cNvSpPr txBox="1"/>
          <p:nvPr/>
        </p:nvSpPr>
        <p:spPr>
          <a:xfrm>
            <a:off x="5835765" y="2621268"/>
            <a:ext cx="6229235" cy="24672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8000"/>
              </a:lnSpc>
            </a:pP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ver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</a:t>
            </a:r>
            <a:r>
              <a:rPr lang="en-HK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en</a:t>
            </a:r>
            <a:r>
              <a:rPr lang="en-HK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o Britain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No, I</a:t>
            </a:r>
            <a:r>
              <a:rPr lang="en-US" sz="2400" dirty="0">
                <a:solidFill>
                  <a:srgbClr val="0F9ED5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’ve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never </a:t>
            </a:r>
            <a:r>
              <a:rPr lang="en-US" sz="2400" dirty="0">
                <a:solidFill>
                  <a:srgbClr val="0F9ED5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been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.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ow about you? </a:t>
            </a:r>
            <a:r>
              <a:rPr lang="en-US" sz="2400" dirty="0">
                <a:solidFill>
                  <a:srgbClr val="0F9ED5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ever been 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o Britain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Yes, I </a:t>
            </a:r>
            <a:r>
              <a:rPr lang="en-US" sz="2400" dirty="0">
                <a:solidFill>
                  <a:schemeClr val="accent4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have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 I </a:t>
            </a:r>
            <a:r>
              <a:rPr lang="en-US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ent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 </a:t>
            </a:r>
            <a:r>
              <a:rPr lang="en-US" sz="2400" dirty="0">
                <a:solidFill>
                  <a:srgbClr val="FF0000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two years ago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What </a:t>
            </a:r>
            <a:r>
              <a:rPr lang="en-US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id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you </a:t>
            </a:r>
            <a:r>
              <a:rPr lang="en-US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o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there?</a:t>
            </a:r>
          </a:p>
          <a:p>
            <a:pPr>
              <a:lnSpc>
                <a:spcPct val="108000"/>
              </a:lnSpc>
            </a:pP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I </a:t>
            </a:r>
            <a:r>
              <a:rPr lang="en-US" sz="2400" dirty="0">
                <a:solidFill>
                  <a:schemeClr val="accent6"/>
                </a:solidFill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visited </a:t>
            </a:r>
            <a:r>
              <a:rPr lang="en-US" sz="2400" dirty="0"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a chocolate factory.</a:t>
            </a:r>
            <a:endParaRPr lang="en-HK" sz="2400" dirty="0">
              <a:latin typeface="Calibri" panose="020F0502020204030204" pitchFamily="34" charset="0"/>
              <a:ea typeface="Calibri" panose="020F0502020204030204" pitchFamily="34" charset="0"/>
              <a:cs typeface="Calibri" panose="020F0502020204030204" pitchFamily="34" charset="0"/>
            </a:endParaRPr>
          </a:p>
        </p:txBody>
      </p:sp>
      <p:pic>
        <p:nvPicPr>
          <p:cNvPr id="69" name="Picture 68">
            <a:hlinkClick r:id="rId26" action="ppaction://hlinksldjump"/>
            <a:extLst>
              <a:ext uri="{FF2B5EF4-FFF2-40B4-BE49-F238E27FC236}">
                <a16:creationId xmlns:a16="http://schemas.microsoft.com/office/drawing/2014/main" id="{BD7C9EC8-BEE4-3E22-A166-6F89C17ED081}"/>
              </a:ext>
            </a:extLst>
          </p:cNvPr>
          <p:cNvPicPr>
            <a:picLocks noChangeAspect="1"/>
          </p:cNvPicPr>
          <p:nvPr/>
        </p:nvPicPr>
        <p:blipFill>
          <a:blip r:embed="rId2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526288" y="6306552"/>
            <a:ext cx="571500" cy="551448"/>
          </a:xfrm>
          <a:prstGeom prst="rect">
            <a:avLst/>
          </a:prstGeom>
        </p:spPr>
      </p:pic>
      <p:pic>
        <p:nvPicPr>
          <p:cNvPr id="2" name="5a_c6_g1-0020">
            <a:hlinkClick r:id="" action="ppaction://media"/>
            <a:extLst>
              <a:ext uri="{FF2B5EF4-FFF2-40B4-BE49-F238E27FC236}">
                <a16:creationId xmlns:a16="http://schemas.microsoft.com/office/drawing/2014/main" id="{ECF94B9E-84F6-6FEC-3480-BFC18F4E11DA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721794" y="1786085"/>
            <a:ext cx="487362" cy="487362"/>
          </a:xfrm>
          <a:prstGeom prst="rect">
            <a:avLst/>
          </a:prstGeom>
        </p:spPr>
      </p:pic>
      <p:pic>
        <p:nvPicPr>
          <p:cNvPr id="4" name="5a_c6_g1-0021 1st">
            <a:hlinkClick r:id="" action="ppaction://media"/>
            <a:extLst>
              <a:ext uri="{FF2B5EF4-FFF2-40B4-BE49-F238E27FC236}">
                <a16:creationId xmlns:a16="http://schemas.microsoft.com/office/drawing/2014/main" id="{EAE96E8E-B064-6AED-9BDF-0C30E9978398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721794" y="2296727"/>
            <a:ext cx="487362" cy="487363"/>
          </a:xfrm>
          <a:prstGeom prst="rect">
            <a:avLst/>
          </a:prstGeom>
        </p:spPr>
      </p:pic>
      <p:pic>
        <p:nvPicPr>
          <p:cNvPr id="5" name="5a_c6_g1-0022">
            <a:hlinkClick r:id="" action="ppaction://media"/>
            <a:extLst>
              <a:ext uri="{FF2B5EF4-FFF2-40B4-BE49-F238E27FC236}">
                <a16:creationId xmlns:a16="http://schemas.microsoft.com/office/drawing/2014/main" id="{01F414B6-B396-1494-6512-FE591AFB16A0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721793" y="3635441"/>
            <a:ext cx="487362" cy="487362"/>
          </a:xfrm>
          <a:prstGeom prst="rect">
            <a:avLst/>
          </a:prstGeom>
        </p:spPr>
      </p:pic>
      <p:pic>
        <p:nvPicPr>
          <p:cNvPr id="6" name="5a_c6_g1-0023">
            <a:hlinkClick r:id="" action="ppaction://media"/>
            <a:extLst>
              <a:ext uri="{FF2B5EF4-FFF2-40B4-BE49-F238E27FC236}">
                <a16:creationId xmlns:a16="http://schemas.microsoft.com/office/drawing/2014/main" id="{36F8FF72-8802-0320-8A36-4499E16F7464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721793" y="4183763"/>
            <a:ext cx="487363" cy="487363"/>
          </a:xfrm>
          <a:prstGeom prst="rect">
            <a:avLst/>
          </a:prstGeom>
        </p:spPr>
      </p:pic>
      <p:pic>
        <p:nvPicPr>
          <p:cNvPr id="13" name="5a_c6_g1-0024">
            <a:hlinkClick r:id="" action="ppaction://media"/>
            <a:extLst>
              <a:ext uri="{FF2B5EF4-FFF2-40B4-BE49-F238E27FC236}">
                <a16:creationId xmlns:a16="http://schemas.microsoft.com/office/drawing/2014/main" id="{841CBFE3-7144-1A6B-F719-E5D3E75F1B37}"/>
              </a:ext>
            </a:extLst>
          </p:cNvPr>
          <p:cNvPicPr>
            <a:picLocks noChangeAspect="1"/>
          </p:cNvPicPr>
          <p:nvPr>
            <a:audioFile r:link="rId11"/>
            <p:extLst>
              <p:ext uri="{DAA4B4D4-6D71-4841-9C94-3DE7FCFB9230}">
                <p14:media xmlns:p14="http://schemas.microsoft.com/office/powerpoint/2010/main" r:embed="rId10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721794" y="4732086"/>
            <a:ext cx="487363" cy="487363"/>
          </a:xfrm>
          <a:prstGeom prst="rect">
            <a:avLst/>
          </a:prstGeom>
        </p:spPr>
      </p:pic>
      <p:pic>
        <p:nvPicPr>
          <p:cNvPr id="14" name="5a_c6_g1-0021 2nd">
            <a:hlinkClick r:id="" action="ppaction://media"/>
            <a:extLst>
              <a:ext uri="{FF2B5EF4-FFF2-40B4-BE49-F238E27FC236}">
                <a16:creationId xmlns:a16="http://schemas.microsoft.com/office/drawing/2014/main" id="{5D71D88D-771C-04F9-F387-53C3DF5382D2}"/>
              </a:ext>
            </a:extLst>
          </p:cNvPr>
          <p:cNvPicPr>
            <a:picLocks noChangeAspect="1"/>
          </p:cNvPicPr>
          <p:nvPr>
            <a:audioFile r:link="rId13"/>
            <p:extLst>
              <p:ext uri="{DAA4B4D4-6D71-4841-9C94-3DE7FCFB9230}">
                <p14:media xmlns:p14="http://schemas.microsoft.com/office/powerpoint/2010/main" r:embed="rId12"/>
              </p:ext>
            </p:extLst>
          </p:nvPr>
        </p:nvPicPr>
        <p:blipFill>
          <a:blip r:embed="rId28"/>
          <a:stretch>
            <a:fillRect/>
          </a:stretch>
        </p:blipFill>
        <p:spPr>
          <a:xfrm>
            <a:off x="-721794" y="3109118"/>
            <a:ext cx="487362" cy="48736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681567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1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41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5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audio>
              <p:cMediaNode vol="80000">
                <p:cTn id="5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audio>
              <p:cMediaNode vol="80000">
                <p:cTn id="5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audio>
              <p:cMediaNode vol="80000">
                <p:cTn id="5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5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3"/>
                </p:tgtEl>
              </p:cMediaNode>
            </p:audio>
            <p:audio>
              <p:cMediaNode vol="80000">
                <p:cTn id="5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seq concurrent="1" nextAc="seek">
              <p:cTn id="56" restart="whenNotActive" fill="hold" evtFilter="cancelBubble" nodeType="interactiveSeq">
                <p:stCondLst>
                  <p:cond evt="onClick" delay="0">
                    <p:tgtEl>
                      <p:spTgt spid="2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7" fill="hold">
                      <p:stCondLst>
                        <p:cond delay="0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0" dur="2904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2904"/>
                            </p:stCondLst>
                            <p:childTnLst>
                              <p:par>
                                <p:cTn id="62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3" dur="2448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5352"/>
                            </p:stCondLst>
                            <p:childTnLst>
                              <p:par>
                                <p:cTn id="6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6" dur="5184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10536"/>
                            </p:stCondLst>
                            <p:childTnLst>
                              <p:par>
                                <p:cTn id="68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9" dur="5616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6152"/>
                            </p:stCondLst>
                            <p:childTnLst>
                              <p:par>
                                <p:cTn id="71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2" dur="2400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18552"/>
                            </p:stCondLst>
                            <p:childTnLst>
                              <p:par>
                                <p:cTn id="7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5" dur="3264" fill="hold"/>
                                        <p:tgtEl>
                                          <p:spTgt spid="1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8"/>
                  </p:tgtEl>
                </p:cond>
              </p:nextCondLst>
            </p:seq>
          </p:childTnLst>
        </p:cTn>
      </p:par>
    </p:tnLst>
    <p:bldLst>
      <p:bldP spid="52" grpId="0" uiExpand="1" animBg="1"/>
      <p:bldP spid="52" grpId="1" uiExpand="1" animBg="1"/>
      <p:bldP spid="53" grpId="0" uiExpand="1" animBg="1"/>
      <p:bldP spid="53" grpId="1" uiExpand="1" animBg="1"/>
      <p:bldP spid="54" grpId="0" uiExpand="1" animBg="1"/>
      <p:bldP spid="54" grpId="1" animBg="1"/>
      <p:bldP spid="55" grpId="0" uiExpand="1" build="p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681921942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false,&quot;texts&quot;:[&quot;DT_SLIDE_TITLE&quot;,&quot;DT_SLIDE_NOTES_TEXT&quot;,&quot;DT_SLIDE_TEXT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SLIDE_TITLE&quot;,&quot;DCT_SLIDE_NOTES_TEXT&quot;,&quot;DCT_SLIDE_TEXT&quot;,&quot;DCT_HYPERLINK_TOOLTIP&quot;],&quot;static&quot;:[&quot;Drawing&quot;,&quot;Pen&quot;,&quot;Highlighter&quot;,&quot;Eraser&quot;,&quot;Erase all&quot;,&quot;Finish drawing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markerTools,outline,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never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PLE3E_5a_c6_p54_ak"/>
  <p:tag name="ISPRING_LMS_API_VERSION" val="SCORM 2004 (4th edition)"/>
  <p:tag name="ISPRING_ULTRA_SCORM_COURCE_TITLE" val="PLE3E 5A Chapter 6 Grammar 1 Answer Key"/>
  <p:tag name="ISPRING_ULTRA_SCORM_COURSE_ID" val="FDCA5864-5ACC-4295-BB97-0B43E84162CC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#\uFFFD\u0000{1BB5593B-751D-49A6-B6B3-FD998CCA9F0F}&quot;,&quot;C:\\Users\\HK1-UCatherineLeung\\OneDrive - Pearson PLC\\Digital\\PLE3E\\Grammar Answer Key PPT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invertReadingOrder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RATE_QUIZZES" val="0"/>
  <p:tag name="ISPRING_SCORM_PASSING_SCORE" val="0.000000"/>
  <p:tag name="ISPRING_PRESENTATION_TITLE" val="PLE3E 5A Chapter 6 Grammar 1 Answer Key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E381F3E-F9A2-400D-A177-C05EA5987EAA}:263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4F53BC4-98C3-4184-914D-DED1D65D202F}:307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A4819F2-15AC-46F8-8177-E306F8210D35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5E5AF5D-4979-4268-B545-51798D3F88F9}:27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4C4B898-094C-44A1-9298-012CBC3289D5}:29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7EE4864-FB66-40E2-B246-9DCD6ED1869F}:283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53D7AD0-3A4F-46E7-A179-F68D82416F11}:299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9C6DD51-DC12-4D84-BCFD-A1E427456789}:30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7374036-7ABA-4834-A0C6-BD8BB0442B0F}:30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A2A6CAE-4251-47DA-B408-DCD8229A2F1F}:309"/>
</p:tagLst>
</file>

<file path=ppt/theme/theme1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a719dc3-2774-4bb3-bd51-e2fea1f33844">
      <Terms xmlns="http://schemas.microsoft.com/office/infopath/2007/PartnerControls"/>
    </lcf76f155ced4ddcb4097134ff3c332f>
    <TaxCatchAll xmlns="ea194019-af41-4f5f-90aa-3f3df5d17659" xsi:nil="true"/>
  </documentManagement>
</p:properti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3A44B0A76C4084CA3186D7728ADCBD0" ma:contentTypeVersion="13" ma:contentTypeDescription="Create a new document." ma:contentTypeScope="" ma:versionID="77d846f48fa6d3914ffde1cefecd4c50">
  <xsd:schema xmlns:xsd="http://www.w3.org/2001/XMLSchema" xmlns:xs="http://www.w3.org/2001/XMLSchema" xmlns:p="http://schemas.microsoft.com/office/2006/metadata/properties" xmlns:ns2="6a719dc3-2774-4bb3-bd51-e2fea1f33844" xmlns:ns3="ea194019-af41-4f5f-90aa-3f3df5d17659" targetNamespace="http://schemas.microsoft.com/office/2006/metadata/properties" ma:root="true" ma:fieldsID="29a37b74a8c481784ee7ca4e0b0e2957" ns2:_="" ns3:_="">
    <xsd:import namespace="6a719dc3-2774-4bb3-bd51-e2fea1f33844"/>
    <xsd:import namespace="ea194019-af41-4f5f-90aa-3f3df5d17659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SearchProperties" minOccurs="0"/>
                <xsd:element ref="ns2:MediaServiceObjectDetectorVersion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LengthInSeconds" minOccurs="0"/>
                <xsd:element ref="ns2:MediaServiceBilling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a719dc3-2774-4bb3-bd51-e2fea1f33844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SearchProperties" ma:index="10" nillable="true" ma:displayName="MediaServiceSearchProperties" ma:hidden="true" ma:internalName="MediaServiceSearchProperties" ma:readOnly="true">
      <xsd:simpleType>
        <xsd:restriction base="dms:Note"/>
      </xsd:simpleType>
    </xsd:element>
    <xsd:element name="MediaServiceObjectDetectorVersions" ma:index="11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lcf76f155ced4ddcb4097134ff3c332f" ma:index="1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5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6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7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8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MediaLengthInSeconds" ma:hidden="true" ma:internalName="MediaLengthInSeconds" ma:readOnly="true">
      <xsd:simpleType>
        <xsd:restriction base="dms:Unknown"/>
      </xsd:simpleType>
    </xsd:element>
    <xsd:element name="MediaServiceBillingMetadata" ma:index="20" nillable="true" ma:displayName="MediaServiceBillingMetadata" ma:hidden="true" ma:internalName="MediaServiceBillingMetadata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a194019-af41-4f5f-90aa-3f3df5d17659" elementFormDefault="qualified">
    <xsd:import namespace="http://schemas.microsoft.com/office/2006/documentManagement/types"/>
    <xsd:import namespace="http://schemas.microsoft.com/office/infopath/2007/PartnerControls"/>
    <xsd:element name="TaxCatchAll" ma:index="14" nillable="true" ma:displayName="Taxonomy Catch All Column" ma:hidden="true" ma:list="{15126e43-fa45-48bc-ae95-bd46f43df1a2}" ma:internalName="TaxCatchAll" ma:showField="CatchAllData" ma:web="ea194019-af41-4f5f-90aa-3f3df5d17659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242BE10B-6FE2-4877-85D1-D78954D6E15F}">
  <ds:schemaRefs>
    <ds:schemaRef ds:uri="http://purl.org/dc/dcmitype/"/>
    <ds:schemaRef ds:uri="http://schemas.openxmlformats.org/package/2006/metadata/core-properties"/>
    <ds:schemaRef ds:uri="http://purl.org/dc/terms/"/>
    <ds:schemaRef ds:uri="http://purl.org/dc/elements/1.1/"/>
    <ds:schemaRef ds:uri="http://schemas.microsoft.com/office/2006/documentManagement/types"/>
    <ds:schemaRef ds:uri="ea194019-af41-4f5f-90aa-3f3df5d17659"/>
    <ds:schemaRef ds:uri="http://www.w3.org/XML/1998/namespace"/>
    <ds:schemaRef ds:uri="http://schemas.microsoft.com/office/infopath/2007/PartnerControls"/>
    <ds:schemaRef ds:uri="6a719dc3-2774-4bb3-bd51-e2fea1f33844"/>
    <ds:schemaRef ds:uri="http://schemas.microsoft.com/office/2006/metadata/properties"/>
  </ds:schemaRefs>
</ds:datastoreItem>
</file>

<file path=customXml/itemProps2.xml><?xml version="1.0" encoding="utf-8"?>
<ds:datastoreItem xmlns:ds="http://schemas.openxmlformats.org/officeDocument/2006/customXml" ds:itemID="{BB553EC0-2609-4A26-8353-EFB26EBDB20E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6a719dc3-2774-4bb3-bd51-e2fea1f33844"/>
    <ds:schemaRef ds:uri="ea194019-af41-4f5f-90aa-3f3df5d1765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0AA0A17F-9C6E-455E-835D-BB75DDA131B6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2909</TotalTime>
  <Words>539</Words>
  <Application>Microsoft Office PowerPoint</Application>
  <PresentationFormat>Widescreen</PresentationFormat>
  <Paragraphs>103</Paragraphs>
  <Slides>10</Slides>
  <Notes>10</Notes>
  <HiddenSlides>0</HiddenSlides>
  <MMClips>36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0</vt:i4>
      </vt:variant>
    </vt:vector>
  </HeadingPairs>
  <TitlesOfParts>
    <vt:vector size="18" baseType="lpstr">
      <vt:lpstr>Aptos</vt:lpstr>
      <vt:lpstr>Aptos Display</vt:lpstr>
      <vt:lpstr>Arial</vt:lpstr>
      <vt:lpstr>Calibri</vt:lpstr>
      <vt:lpstr>Calibri Light</vt:lpstr>
      <vt:lpstr>Open Sans ExtraBold</vt:lpstr>
      <vt:lpstr>1_Office Theme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3E 5A Chapter 6 Grammar 1 Answer Key</dc:title>
  <dc:creator>Catherine Leung</dc:creator>
  <cp:lastModifiedBy>Catherine Leung</cp:lastModifiedBy>
  <cp:revision>88</cp:revision>
  <dcterms:created xsi:type="dcterms:W3CDTF">2025-02-12T03:48:57Z</dcterms:created>
  <dcterms:modified xsi:type="dcterms:W3CDTF">2025-08-29T06:41:2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3A44B0A76C4084CA3186D7728ADCBD0</vt:lpwstr>
  </property>
  <property fmtid="{D5CDD505-2E9C-101B-9397-08002B2CF9AE}" pid="3" name="MediaServiceImageTags">
    <vt:lpwstr/>
  </property>
</Properties>
</file>